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2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6"/>
  </p:sldMasterIdLst>
  <p:notesMasterIdLst>
    <p:notesMasterId r:id="rId20"/>
  </p:notesMasterIdLst>
  <p:sldIdLst>
    <p:sldId id="293" r:id="rId7"/>
    <p:sldId id="296" r:id="rId8"/>
    <p:sldId id="427" r:id="rId9"/>
    <p:sldId id="428" r:id="rId10"/>
    <p:sldId id="298" r:id="rId11"/>
    <p:sldId id="297" r:id="rId12"/>
    <p:sldId id="299" r:id="rId13"/>
    <p:sldId id="426" r:id="rId14"/>
    <p:sldId id="300" r:id="rId15"/>
    <p:sldId id="260" r:id="rId16"/>
    <p:sldId id="264" r:id="rId17"/>
    <p:sldId id="425" r:id="rId18"/>
    <p:sldId id="423" r:id="rId1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3BFC4DC-410B-4570-9C06-AA11A67836AB}" v="4" dt="2025-05-27T06:25:59.93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77" d="100"/>
          <a:sy n="77" d="100"/>
        </p:scale>
        <p:origin x="102" y="696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slide" Target="slides/slide12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slide" Target="slides/slide11.xml"/><Relationship Id="rId25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" Target="slides/slide5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9.xml"/><Relationship Id="rId23" Type="http://schemas.openxmlformats.org/officeDocument/2006/relationships/theme" Target="theme/theme1.xml"/><Relationship Id="rId10" Type="http://schemas.openxmlformats.org/officeDocument/2006/relationships/slide" Target="slides/slide4.xml"/><Relationship Id="rId19" Type="http://schemas.openxmlformats.org/officeDocument/2006/relationships/slide" Target="slides/slide13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viewProps" Target="view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4A2CFB4E-21E8-4E69-843E-E873CD436CD2}" type="doc">
      <dgm:prSet loTypeId="urn:microsoft.com/office/officeart/2005/8/layout/hierarchy6" loCatId="hierarchy" qsTypeId="urn:microsoft.com/office/officeart/2005/8/quickstyle/simple1" qsCatId="simple" csTypeId="urn:microsoft.com/office/officeart/2005/8/colors/colorful1" csCatId="colorful" phldr="1"/>
      <dgm:spPr/>
      <dgm:t>
        <a:bodyPr/>
        <a:lstStyle/>
        <a:p>
          <a:endParaRPr lang="da-DK"/>
        </a:p>
      </dgm:t>
    </dgm:pt>
    <dgm:pt modelId="{C108418B-F9BD-4255-9FA5-8B3540000369}">
      <dgm:prSet phldrT="[Tekst]" custT="1"/>
      <dgm:spPr/>
      <dgm:t>
        <a:bodyPr/>
        <a:lstStyle/>
        <a:p>
          <a:r>
            <a:rPr lang="da-DK" sz="1000" b="1"/>
            <a:t>SDU Uddannelse</a:t>
          </a:r>
        </a:p>
        <a:p>
          <a:r>
            <a:rPr lang="da-DK" sz="1000" b="1"/>
            <a:t>Stinne Hørup Hansen</a:t>
          </a:r>
        </a:p>
      </dgm:t>
    </dgm:pt>
    <dgm:pt modelId="{A8AC1326-CC0A-403D-9244-63C25E6B766A}" type="parTrans" cxnId="{D631EEEF-7B14-4D66-B0EE-8B156BFDD46F}">
      <dgm:prSet/>
      <dgm:spPr/>
      <dgm:t>
        <a:bodyPr/>
        <a:lstStyle/>
        <a:p>
          <a:endParaRPr lang="da-DK"/>
        </a:p>
      </dgm:t>
    </dgm:pt>
    <dgm:pt modelId="{D755C4F5-CB2F-4875-A57D-11DFC2EE7D04}" type="sibTrans" cxnId="{D631EEEF-7B14-4D66-B0EE-8B156BFDD46F}">
      <dgm:prSet/>
      <dgm:spPr/>
      <dgm:t>
        <a:bodyPr/>
        <a:lstStyle/>
        <a:p>
          <a:endParaRPr lang="da-DK"/>
        </a:p>
      </dgm:t>
    </dgm:pt>
    <dgm:pt modelId="{68192D6D-CF2A-437B-B90E-B79703F8A041}">
      <dgm:prSet phldrT="[Tekst]" custT="1"/>
      <dgm:spPr/>
      <dgm:t>
        <a:bodyPr/>
        <a:lstStyle/>
        <a:p>
          <a:r>
            <a:rPr lang="da-DK" sz="1000" b="1"/>
            <a:t>Uddannelsesstrategi</a:t>
          </a:r>
        </a:p>
        <a:p>
          <a:r>
            <a:rPr lang="da-DK" sz="1000" b="1"/>
            <a:t>Christian Grud</a:t>
          </a:r>
        </a:p>
      </dgm:t>
    </dgm:pt>
    <dgm:pt modelId="{42627436-BC87-4FCB-BEB1-59C6AD85A8EA}" type="parTrans" cxnId="{4E13914B-E15D-42EF-A00A-E3CD309C9CBB}">
      <dgm:prSet/>
      <dgm:spPr/>
      <dgm:t>
        <a:bodyPr/>
        <a:lstStyle/>
        <a:p>
          <a:endParaRPr lang="da-DK"/>
        </a:p>
      </dgm:t>
    </dgm:pt>
    <dgm:pt modelId="{7CFDE74B-C32C-499D-879E-951C87C832C9}" type="sibTrans" cxnId="{4E13914B-E15D-42EF-A00A-E3CD309C9CBB}">
      <dgm:prSet/>
      <dgm:spPr/>
      <dgm:t>
        <a:bodyPr/>
        <a:lstStyle/>
        <a:p>
          <a:endParaRPr lang="da-DK"/>
        </a:p>
      </dgm:t>
    </dgm:pt>
    <dgm:pt modelId="{84F5B137-F621-4FE5-9065-B21E05666114}">
      <dgm:prSet phldrT="[Tekst]" custT="1"/>
      <dgm:spPr/>
      <dgm:t>
        <a:bodyPr/>
        <a:lstStyle/>
        <a:p>
          <a:r>
            <a:rPr lang="da-DK" sz="1000"/>
            <a:t>Sekretariatet </a:t>
          </a:r>
        </a:p>
        <a:p>
          <a:r>
            <a:rPr lang="da-DK" sz="1000"/>
            <a:t>Lisbeth Oksvang</a:t>
          </a:r>
        </a:p>
      </dgm:t>
    </dgm:pt>
    <dgm:pt modelId="{CD61B641-1B2B-45FD-BDEA-F57E874784E0}" type="parTrans" cxnId="{097076F4-7251-4AC8-AAB5-5E15DD35490B}">
      <dgm:prSet/>
      <dgm:spPr/>
      <dgm:t>
        <a:bodyPr/>
        <a:lstStyle/>
        <a:p>
          <a:endParaRPr lang="da-DK"/>
        </a:p>
      </dgm:t>
    </dgm:pt>
    <dgm:pt modelId="{5C27BB2E-9431-4E62-815C-89BAA1880871}" type="sibTrans" cxnId="{097076F4-7251-4AC8-AAB5-5E15DD35490B}">
      <dgm:prSet/>
      <dgm:spPr/>
      <dgm:t>
        <a:bodyPr/>
        <a:lstStyle/>
        <a:p>
          <a:endParaRPr lang="da-DK"/>
        </a:p>
      </dgm:t>
    </dgm:pt>
    <dgm:pt modelId="{D114E2DB-A4F4-463F-A80D-FD2E2B14FBBA}">
      <dgm:prSet custT="1"/>
      <dgm:spPr/>
      <dgm:t>
        <a:bodyPr/>
        <a:lstStyle/>
        <a:p>
          <a:r>
            <a:rPr lang="da-DK" sz="1000"/>
            <a:t>Strategi og Kvalitet</a:t>
          </a:r>
        </a:p>
        <a:p>
          <a:r>
            <a:rPr lang="da-DK" sz="1000"/>
            <a:t>Christian Grud</a:t>
          </a:r>
        </a:p>
      </dgm:t>
    </dgm:pt>
    <dgm:pt modelId="{755D3C1D-BB56-4605-B551-E446B5BE3CF6}" type="parTrans" cxnId="{CB3AB295-CCA4-4A08-AB99-9B7367CCA8D1}">
      <dgm:prSet/>
      <dgm:spPr/>
      <dgm:t>
        <a:bodyPr/>
        <a:lstStyle/>
        <a:p>
          <a:endParaRPr lang="da-DK"/>
        </a:p>
      </dgm:t>
    </dgm:pt>
    <dgm:pt modelId="{4B908193-A930-4567-B574-1A03C7259896}" type="sibTrans" cxnId="{CB3AB295-CCA4-4A08-AB99-9B7367CCA8D1}">
      <dgm:prSet/>
      <dgm:spPr/>
      <dgm:t>
        <a:bodyPr/>
        <a:lstStyle/>
        <a:p>
          <a:endParaRPr lang="da-DK"/>
        </a:p>
      </dgm:t>
    </dgm:pt>
    <dgm:pt modelId="{20E47BB3-AA67-4491-AF07-AFBFAC12DBF4}">
      <dgm:prSet custT="1"/>
      <dgm:spPr/>
      <dgm:t>
        <a:bodyPr/>
        <a:lstStyle/>
        <a:p>
          <a:r>
            <a:rPr lang="da-DK" sz="1000"/>
            <a:t>Forretningsprocesser</a:t>
          </a:r>
        </a:p>
        <a:p>
          <a:r>
            <a:rPr lang="da-DK" sz="1000"/>
            <a:t>Maria Vonsild</a:t>
          </a:r>
        </a:p>
      </dgm:t>
    </dgm:pt>
    <dgm:pt modelId="{B38C2864-AD76-47BC-9170-352D3C05BF82}" type="parTrans" cxnId="{166616C4-81DF-4D4D-9493-274F7BA586B5}">
      <dgm:prSet/>
      <dgm:spPr/>
      <dgm:t>
        <a:bodyPr/>
        <a:lstStyle/>
        <a:p>
          <a:endParaRPr lang="da-DK"/>
        </a:p>
      </dgm:t>
    </dgm:pt>
    <dgm:pt modelId="{2A31B59F-D547-4E14-A622-5D68EE9679F4}" type="sibTrans" cxnId="{166616C4-81DF-4D4D-9493-274F7BA586B5}">
      <dgm:prSet/>
      <dgm:spPr/>
      <dgm:t>
        <a:bodyPr/>
        <a:lstStyle/>
        <a:p>
          <a:endParaRPr lang="da-DK"/>
        </a:p>
      </dgm:t>
    </dgm:pt>
    <dgm:pt modelId="{88F45B69-8FE0-45ED-94A3-5720502BEF2E}">
      <dgm:prSet custT="1"/>
      <dgm:spPr/>
      <dgm:t>
        <a:bodyPr/>
        <a:lstStyle/>
        <a:p>
          <a:pPr marL="0" lvl="0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r>
            <a:rPr lang="da-DK" sz="1000" dirty="0"/>
            <a:t>Caroline Schaffalitzky de Muckadell</a:t>
          </a:r>
        </a:p>
        <a:p>
          <a:pPr marL="0" marR="0" lvl="0" indent="0" defTabSz="4445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000" dirty="0"/>
            <a:t>Thomas Rasmussen</a:t>
          </a:r>
        </a:p>
        <a:p>
          <a:pPr marL="0" marR="0" lvl="0" indent="0" defTabSz="4445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000" dirty="0"/>
            <a:t>Kenneth Baadsgaard</a:t>
          </a:r>
        </a:p>
        <a:p>
          <a:pPr marL="0" lvl="0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r>
            <a:rPr lang="da-DK" sz="1000" dirty="0"/>
            <a:t>Vikki Thygesen</a:t>
          </a:r>
        </a:p>
        <a:p>
          <a:pPr marL="0" marR="0" lvl="0" indent="0" defTabSz="9144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000" dirty="0"/>
            <a:t>Pia Kjær</a:t>
          </a:r>
          <a:br>
            <a:rPr lang="da-DK" sz="1000" dirty="0"/>
          </a:br>
          <a:r>
            <a:rPr lang="da-DK" sz="1000" dirty="0"/>
            <a:t>Anne Sofie Lindegaard</a:t>
          </a:r>
        </a:p>
        <a:p>
          <a:pPr marL="0" lvl="0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endParaRPr lang="da-DK" sz="1000" dirty="0"/>
        </a:p>
      </dgm:t>
    </dgm:pt>
    <dgm:pt modelId="{62AE97B1-0859-4B65-BEEB-7BCDA389283B}" type="parTrans" cxnId="{187D4197-A910-4E29-8032-22C5BD90420A}">
      <dgm:prSet/>
      <dgm:spPr/>
      <dgm:t>
        <a:bodyPr/>
        <a:lstStyle/>
        <a:p>
          <a:endParaRPr lang="da-DK"/>
        </a:p>
      </dgm:t>
    </dgm:pt>
    <dgm:pt modelId="{ADDD0B80-15AD-438D-A6E5-E205A95AC34B}" type="sibTrans" cxnId="{187D4197-A910-4E29-8032-22C5BD90420A}">
      <dgm:prSet/>
      <dgm:spPr/>
      <dgm:t>
        <a:bodyPr/>
        <a:lstStyle/>
        <a:p>
          <a:endParaRPr lang="da-DK"/>
        </a:p>
      </dgm:t>
    </dgm:pt>
    <dgm:pt modelId="{22F50053-4056-4F37-ADCE-AF31547E720E}">
      <dgm:prSet custT="1"/>
      <dgm:spPr/>
      <dgm:t>
        <a:bodyPr/>
        <a:lstStyle/>
        <a:p>
          <a:pPr rtl="0">
            <a:lnSpc>
              <a:spcPct val="150000"/>
            </a:lnSpc>
            <a:spcAft>
              <a:spcPts val="0"/>
            </a:spcAft>
          </a:pPr>
          <a:r>
            <a:rPr lang="da-DK" sz="1000"/>
            <a:t>Louise Ditte </a:t>
          </a:r>
          <a:r>
            <a:rPr lang="da-DK" sz="1000">
              <a:latin typeface="Arial"/>
            </a:rPr>
            <a:t>Jensen</a:t>
          </a:r>
          <a:br>
            <a:rPr lang="da-DK" sz="1000">
              <a:latin typeface="Arial"/>
            </a:rPr>
          </a:br>
          <a:r>
            <a:rPr lang="da-DK" sz="1000">
              <a:latin typeface="Arial"/>
            </a:rPr>
            <a:t>Selina</a:t>
          </a:r>
          <a:r>
            <a:rPr lang="da-DK" sz="1000"/>
            <a:t> Sara </a:t>
          </a:r>
          <a:r>
            <a:rPr lang="da-DK" sz="1000">
              <a:latin typeface="Arial"/>
            </a:rPr>
            <a:t>Bergstrøm</a:t>
          </a:r>
          <a:br>
            <a:rPr lang="da-DK" sz="1000">
              <a:latin typeface="Arial"/>
            </a:rPr>
          </a:br>
          <a:r>
            <a:rPr lang="da-DK" sz="1000">
              <a:latin typeface="Arial"/>
              <a:ea typeface="Calibri"/>
              <a:cs typeface="Arial"/>
            </a:rPr>
            <a:t>Tanja Søfeldt Jensen</a:t>
          </a:r>
          <a:br>
            <a:rPr lang="da-DK" sz="1000">
              <a:latin typeface="Arial"/>
              <a:ea typeface="Calibri"/>
              <a:cs typeface="Arial"/>
            </a:rPr>
          </a:br>
          <a:r>
            <a:rPr lang="da-DK" sz="1000">
              <a:latin typeface="Arial"/>
              <a:ea typeface="Calibri"/>
              <a:cs typeface="Arial"/>
            </a:rPr>
            <a:t>Emilie Lemming Nedergaard </a:t>
          </a:r>
        </a:p>
      </dgm:t>
    </dgm:pt>
    <dgm:pt modelId="{3BDB2795-FC9C-4EDA-BC10-9BA8C3FE1250}" type="parTrans" cxnId="{C5D08A07-E118-40A3-A784-A84C73AF954B}">
      <dgm:prSet/>
      <dgm:spPr/>
      <dgm:t>
        <a:bodyPr/>
        <a:lstStyle/>
        <a:p>
          <a:endParaRPr lang="da-DK"/>
        </a:p>
      </dgm:t>
    </dgm:pt>
    <dgm:pt modelId="{F60BC731-ADAC-4189-92B0-8AA9A7E54BC7}" type="sibTrans" cxnId="{C5D08A07-E118-40A3-A784-A84C73AF954B}">
      <dgm:prSet/>
      <dgm:spPr/>
      <dgm:t>
        <a:bodyPr/>
        <a:lstStyle/>
        <a:p>
          <a:endParaRPr lang="da-DK"/>
        </a:p>
      </dgm:t>
    </dgm:pt>
    <dgm:pt modelId="{01457009-9755-4BF4-BBB9-1E26A2542D57}">
      <dgm:prSet custT="1"/>
      <dgm:spPr/>
      <dgm:t>
        <a:bodyPr/>
        <a:lstStyle/>
        <a:p>
          <a:pPr>
            <a:lnSpc>
              <a:spcPct val="150000"/>
            </a:lnSpc>
            <a:spcAft>
              <a:spcPts val="0"/>
            </a:spcAft>
          </a:pPr>
          <a:r>
            <a:rPr lang="da-DK" sz="1000" dirty="0"/>
            <a:t>Simone Andersen</a:t>
          </a:r>
        </a:p>
        <a:p>
          <a:pPr>
            <a:lnSpc>
              <a:spcPct val="150000"/>
            </a:lnSpc>
            <a:spcAft>
              <a:spcPts val="0"/>
            </a:spcAft>
          </a:pPr>
          <a:r>
            <a:rPr lang="da-DK" sz="1000"/>
            <a:t>Stine Eg Brodersen</a:t>
          </a:r>
        </a:p>
        <a:p>
          <a:pPr>
            <a:lnSpc>
              <a:spcPct val="150000"/>
            </a:lnSpc>
            <a:spcAft>
              <a:spcPts val="0"/>
            </a:spcAft>
          </a:pPr>
          <a:r>
            <a:rPr lang="da-DK" sz="1000" dirty="0"/>
            <a:t>Sohair S. Shatila</a:t>
          </a:r>
        </a:p>
      </dgm:t>
    </dgm:pt>
    <dgm:pt modelId="{B2CCD675-E31D-43C7-B23D-35D84DCB9AF9}" type="parTrans" cxnId="{50131811-993F-4768-8596-C7DA72BEB3E8}">
      <dgm:prSet/>
      <dgm:spPr/>
      <dgm:t>
        <a:bodyPr/>
        <a:lstStyle/>
        <a:p>
          <a:endParaRPr lang="da-DK"/>
        </a:p>
      </dgm:t>
    </dgm:pt>
    <dgm:pt modelId="{AB3E2CCB-C902-443C-846D-1327B61F70DA}" type="sibTrans" cxnId="{50131811-993F-4768-8596-C7DA72BEB3E8}">
      <dgm:prSet/>
      <dgm:spPr/>
      <dgm:t>
        <a:bodyPr/>
        <a:lstStyle/>
        <a:p>
          <a:endParaRPr lang="da-DK"/>
        </a:p>
      </dgm:t>
    </dgm:pt>
    <dgm:pt modelId="{48C935A8-4AC7-4492-B0D2-EC84BE0C6D74}" type="pres">
      <dgm:prSet presAssocID="{4A2CFB4E-21E8-4E69-843E-E873CD436CD2}" presName="mainComposite" presStyleCnt="0">
        <dgm:presLayoutVars>
          <dgm:chPref val="1"/>
          <dgm:dir/>
          <dgm:animOne val="branch"/>
          <dgm:animLvl val="lvl"/>
          <dgm:resizeHandles val="exact"/>
        </dgm:presLayoutVars>
      </dgm:prSet>
      <dgm:spPr/>
    </dgm:pt>
    <dgm:pt modelId="{D9ED4250-4DEA-418B-BC03-B939BDE7E2AD}" type="pres">
      <dgm:prSet presAssocID="{4A2CFB4E-21E8-4E69-843E-E873CD436CD2}" presName="hierFlow" presStyleCnt="0"/>
      <dgm:spPr/>
    </dgm:pt>
    <dgm:pt modelId="{7FB7C663-5AF2-41C5-8063-BE351474613B}" type="pres">
      <dgm:prSet presAssocID="{4A2CFB4E-21E8-4E69-843E-E873CD436CD2}" presName="hierChild1" presStyleCnt="0">
        <dgm:presLayoutVars>
          <dgm:chPref val="1"/>
          <dgm:animOne val="branch"/>
          <dgm:animLvl val="lvl"/>
        </dgm:presLayoutVars>
      </dgm:prSet>
      <dgm:spPr/>
    </dgm:pt>
    <dgm:pt modelId="{BC052DD1-E37D-4172-97D5-1EFA9D71901E}" type="pres">
      <dgm:prSet presAssocID="{C108418B-F9BD-4255-9FA5-8B3540000369}" presName="Name14" presStyleCnt="0"/>
      <dgm:spPr/>
    </dgm:pt>
    <dgm:pt modelId="{7DE57545-554B-41F0-A86A-6CE46783FA11}" type="pres">
      <dgm:prSet presAssocID="{C108418B-F9BD-4255-9FA5-8B3540000369}" presName="level1Shape" presStyleLbl="node0" presStyleIdx="0" presStyleCnt="1" custScaleX="173203" custScaleY="57029">
        <dgm:presLayoutVars>
          <dgm:chPref val="3"/>
        </dgm:presLayoutVars>
      </dgm:prSet>
      <dgm:spPr/>
    </dgm:pt>
    <dgm:pt modelId="{52731B17-4ADF-40EE-8B7C-198E3BCD598D}" type="pres">
      <dgm:prSet presAssocID="{C108418B-F9BD-4255-9FA5-8B3540000369}" presName="hierChild2" presStyleCnt="0"/>
      <dgm:spPr/>
    </dgm:pt>
    <dgm:pt modelId="{DEC9E765-F7A3-4E35-9BFD-6D5BBA9F3501}" type="pres">
      <dgm:prSet presAssocID="{42627436-BC87-4FCB-BEB1-59C6AD85A8EA}" presName="Name19" presStyleLbl="parChTrans1D2" presStyleIdx="0" presStyleCnt="1"/>
      <dgm:spPr/>
    </dgm:pt>
    <dgm:pt modelId="{36758C4F-937A-4624-AE0F-A61854FAC1E8}" type="pres">
      <dgm:prSet presAssocID="{68192D6D-CF2A-437B-B90E-B79703F8A041}" presName="Name21" presStyleCnt="0"/>
      <dgm:spPr/>
    </dgm:pt>
    <dgm:pt modelId="{BC074C45-14B0-4AD0-8F18-462525F69648}" type="pres">
      <dgm:prSet presAssocID="{68192D6D-CF2A-437B-B90E-B79703F8A041}" presName="level2Shape" presStyleLbl="node2" presStyleIdx="0" presStyleCnt="1" custScaleX="154424" custScaleY="50553"/>
      <dgm:spPr/>
    </dgm:pt>
    <dgm:pt modelId="{74ED85EE-13B3-4756-A6F7-2B9B3A8CEF28}" type="pres">
      <dgm:prSet presAssocID="{68192D6D-CF2A-437B-B90E-B79703F8A041}" presName="hierChild3" presStyleCnt="0"/>
      <dgm:spPr/>
    </dgm:pt>
    <dgm:pt modelId="{C6A24C41-E736-438B-B39F-8BD47AB0DC04}" type="pres">
      <dgm:prSet presAssocID="{755D3C1D-BB56-4605-B551-E446B5BE3CF6}" presName="Name19" presStyleLbl="parChTrans1D3" presStyleIdx="0" presStyleCnt="3"/>
      <dgm:spPr/>
    </dgm:pt>
    <dgm:pt modelId="{B465EFEE-E7B7-42EA-B7A9-03E1195A4AE5}" type="pres">
      <dgm:prSet presAssocID="{D114E2DB-A4F4-463F-A80D-FD2E2B14FBBA}" presName="Name21" presStyleCnt="0"/>
      <dgm:spPr/>
    </dgm:pt>
    <dgm:pt modelId="{C3D75626-FE5F-4EAB-8A3B-26B038146F0F}" type="pres">
      <dgm:prSet presAssocID="{D114E2DB-A4F4-463F-A80D-FD2E2B14FBBA}" presName="level2Shape" presStyleLbl="node3" presStyleIdx="0" presStyleCnt="3" custScaleX="106940" custScaleY="72966" custLinFactNeighborX="0"/>
      <dgm:spPr/>
    </dgm:pt>
    <dgm:pt modelId="{C2BEE9E4-E6BE-4AA5-8E5A-B7BEE7320785}" type="pres">
      <dgm:prSet presAssocID="{D114E2DB-A4F4-463F-A80D-FD2E2B14FBBA}" presName="hierChild3" presStyleCnt="0"/>
      <dgm:spPr/>
    </dgm:pt>
    <dgm:pt modelId="{0A288A4A-F3EF-4576-ABD2-C33DBD91DF9F}" type="pres">
      <dgm:prSet presAssocID="{62AE97B1-0859-4B65-BEEB-7BCDA389283B}" presName="Name19" presStyleLbl="parChTrans1D4" presStyleIdx="0" presStyleCnt="3"/>
      <dgm:spPr/>
    </dgm:pt>
    <dgm:pt modelId="{717D36CB-7E35-46EC-99AF-D892FA9964DB}" type="pres">
      <dgm:prSet presAssocID="{88F45B69-8FE0-45ED-94A3-5720502BEF2E}" presName="Name21" presStyleCnt="0"/>
      <dgm:spPr/>
    </dgm:pt>
    <dgm:pt modelId="{AEAE0100-8DEC-4FA9-AD69-87768BB5EFF8}" type="pres">
      <dgm:prSet presAssocID="{88F45B69-8FE0-45ED-94A3-5720502BEF2E}" presName="level2Shape" presStyleLbl="node4" presStyleIdx="0" presStyleCnt="3" custScaleX="161493" custScaleY="227285"/>
      <dgm:spPr/>
    </dgm:pt>
    <dgm:pt modelId="{DA7F057A-9502-44B0-A35B-8AB5A2955C4B}" type="pres">
      <dgm:prSet presAssocID="{88F45B69-8FE0-45ED-94A3-5720502BEF2E}" presName="hierChild3" presStyleCnt="0"/>
      <dgm:spPr/>
    </dgm:pt>
    <dgm:pt modelId="{D29DC6C1-AC31-4477-BFF0-60DF4962BA05}" type="pres">
      <dgm:prSet presAssocID="{B38C2864-AD76-47BC-9170-352D3C05BF82}" presName="Name19" presStyleLbl="parChTrans1D3" presStyleIdx="1" presStyleCnt="3"/>
      <dgm:spPr/>
    </dgm:pt>
    <dgm:pt modelId="{A4F679C1-4828-43A2-B26F-25FD4D46ABBD}" type="pres">
      <dgm:prSet presAssocID="{20E47BB3-AA67-4491-AF07-AFBFAC12DBF4}" presName="Name21" presStyleCnt="0"/>
      <dgm:spPr/>
    </dgm:pt>
    <dgm:pt modelId="{E5BC3FA2-42ED-42B7-8A15-1D703A2E7A34}" type="pres">
      <dgm:prSet presAssocID="{20E47BB3-AA67-4491-AF07-AFBFAC12DBF4}" presName="level2Shape" presStyleLbl="node3" presStyleIdx="1" presStyleCnt="3" custScaleX="113197" custScaleY="73038"/>
      <dgm:spPr/>
    </dgm:pt>
    <dgm:pt modelId="{E5EBA403-DD3C-4352-96F7-1AA4299493C2}" type="pres">
      <dgm:prSet presAssocID="{20E47BB3-AA67-4491-AF07-AFBFAC12DBF4}" presName="hierChild3" presStyleCnt="0"/>
      <dgm:spPr/>
    </dgm:pt>
    <dgm:pt modelId="{78E34BC9-93A4-4B9F-B5DB-F0EE46DC636F}" type="pres">
      <dgm:prSet presAssocID="{3BDB2795-FC9C-4EDA-BC10-9BA8C3FE1250}" presName="Name19" presStyleLbl="parChTrans1D4" presStyleIdx="1" presStyleCnt="3"/>
      <dgm:spPr/>
    </dgm:pt>
    <dgm:pt modelId="{0965256D-1A17-490C-AA33-B49FAE45ADDA}" type="pres">
      <dgm:prSet presAssocID="{22F50053-4056-4F37-ADCE-AF31547E720E}" presName="Name21" presStyleCnt="0"/>
      <dgm:spPr/>
    </dgm:pt>
    <dgm:pt modelId="{663EC57E-B3C0-4C34-8773-B78D701C252E}" type="pres">
      <dgm:prSet presAssocID="{22F50053-4056-4F37-ADCE-AF31547E720E}" presName="level2Shape" presStyleLbl="node4" presStyleIdx="1" presStyleCnt="3" custScaleX="145010" custScaleY="171933"/>
      <dgm:spPr/>
    </dgm:pt>
    <dgm:pt modelId="{FCAFFC58-3EF2-4CB5-A965-1F71AAE45A3A}" type="pres">
      <dgm:prSet presAssocID="{22F50053-4056-4F37-ADCE-AF31547E720E}" presName="hierChild3" presStyleCnt="0"/>
      <dgm:spPr/>
    </dgm:pt>
    <dgm:pt modelId="{5C4E1053-8316-4290-9E8D-D6045F22B741}" type="pres">
      <dgm:prSet presAssocID="{CD61B641-1B2B-45FD-BDEA-F57E874784E0}" presName="Name19" presStyleLbl="parChTrans1D3" presStyleIdx="2" presStyleCnt="3"/>
      <dgm:spPr/>
    </dgm:pt>
    <dgm:pt modelId="{E7CCC297-E831-4D2C-9A04-DAA4DB17763D}" type="pres">
      <dgm:prSet presAssocID="{84F5B137-F621-4FE5-9065-B21E05666114}" presName="Name21" presStyleCnt="0"/>
      <dgm:spPr/>
    </dgm:pt>
    <dgm:pt modelId="{BB3692E5-6975-442D-840A-516544C61489}" type="pres">
      <dgm:prSet presAssocID="{84F5B137-F621-4FE5-9065-B21E05666114}" presName="level2Shape" presStyleLbl="node3" presStyleIdx="2" presStyleCnt="3" custScaleX="110220" custScaleY="72892"/>
      <dgm:spPr/>
    </dgm:pt>
    <dgm:pt modelId="{A331C09F-F7C0-4116-9C0B-C67DE6C13BB5}" type="pres">
      <dgm:prSet presAssocID="{84F5B137-F621-4FE5-9065-B21E05666114}" presName="hierChild3" presStyleCnt="0"/>
      <dgm:spPr/>
    </dgm:pt>
    <dgm:pt modelId="{3C3AB5C4-B7A5-421E-8A2F-401395BE2DDD}" type="pres">
      <dgm:prSet presAssocID="{B2CCD675-E31D-43C7-B23D-35D84DCB9AF9}" presName="Name19" presStyleLbl="parChTrans1D4" presStyleIdx="2" presStyleCnt="3"/>
      <dgm:spPr/>
    </dgm:pt>
    <dgm:pt modelId="{1E285621-90C1-4C66-A181-19EC3FDC98DC}" type="pres">
      <dgm:prSet presAssocID="{01457009-9755-4BF4-BBB9-1E26A2542D57}" presName="Name21" presStyleCnt="0"/>
      <dgm:spPr/>
    </dgm:pt>
    <dgm:pt modelId="{F5418DCF-266A-445B-82F4-3C29DFC053DF}" type="pres">
      <dgm:prSet presAssocID="{01457009-9755-4BF4-BBB9-1E26A2542D57}" presName="level2Shape" presStyleLbl="node4" presStyleIdx="2" presStyleCnt="3" custScaleX="145010" custScaleY="90475"/>
      <dgm:spPr/>
    </dgm:pt>
    <dgm:pt modelId="{A670C433-2259-4685-97A4-87F3003E4CC7}" type="pres">
      <dgm:prSet presAssocID="{01457009-9755-4BF4-BBB9-1E26A2542D57}" presName="hierChild3" presStyleCnt="0"/>
      <dgm:spPr/>
    </dgm:pt>
    <dgm:pt modelId="{E6335919-53D4-4DF4-8600-8D5389022C25}" type="pres">
      <dgm:prSet presAssocID="{4A2CFB4E-21E8-4E69-843E-E873CD436CD2}" presName="bgShapesFlow" presStyleCnt="0"/>
      <dgm:spPr/>
    </dgm:pt>
  </dgm:ptLst>
  <dgm:cxnLst>
    <dgm:cxn modelId="{C5D08A07-E118-40A3-A784-A84C73AF954B}" srcId="{20E47BB3-AA67-4491-AF07-AFBFAC12DBF4}" destId="{22F50053-4056-4F37-ADCE-AF31547E720E}" srcOrd="0" destOrd="0" parTransId="{3BDB2795-FC9C-4EDA-BC10-9BA8C3FE1250}" sibTransId="{F60BC731-ADAC-4189-92B0-8AA9A7E54BC7}"/>
    <dgm:cxn modelId="{50131811-993F-4768-8596-C7DA72BEB3E8}" srcId="{84F5B137-F621-4FE5-9065-B21E05666114}" destId="{01457009-9755-4BF4-BBB9-1E26A2542D57}" srcOrd="0" destOrd="0" parTransId="{B2CCD675-E31D-43C7-B23D-35D84DCB9AF9}" sibTransId="{AB3E2CCB-C902-443C-846D-1327B61F70DA}"/>
    <dgm:cxn modelId="{7481B815-7341-417C-BBCC-CA68704A28E1}" type="presOf" srcId="{B38C2864-AD76-47BC-9170-352D3C05BF82}" destId="{D29DC6C1-AC31-4477-BFF0-60DF4962BA05}" srcOrd="0" destOrd="0" presId="urn:microsoft.com/office/officeart/2005/8/layout/hierarchy6"/>
    <dgm:cxn modelId="{66AFCD18-8AFE-4139-ADE4-C8B992F78163}" type="presOf" srcId="{B2CCD675-E31D-43C7-B23D-35D84DCB9AF9}" destId="{3C3AB5C4-B7A5-421E-8A2F-401395BE2DDD}" srcOrd="0" destOrd="0" presId="urn:microsoft.com/office/officeart/2005/8/layout/hierarchy6"/>
    <dgm:cxn modelId="{62392027-8E31-4E1F-BA9E-C101AB209EE4}" type="presOf" srcId="{C108418B-F9BD-4255-9FA5-8B3540000369}" destId="{7DE57545-554B-41F0-A86A-6CE46783FA11}" srcOrd="0" destOrd="0" presId="urn:microsoft.com/office/officeart/2005/8/layout/hierarchy6"/>
    <dgm:cxn modelId="{08074C63-6D87-4F42-89BD-BC9CB54AD9AD}" type="presOf" srcId="{755D3C1D-BB56-4605-B551-E446B5BE3CF6}" destId="{C6A24C41-E736-438B-B39F-8BD47AB0DC04}" srcOrd="0" destOrd="0" presId="urn:microsoft.com/office/officeart/2005/8/layout/hierarchy6"/>
    <dgm:cxn modelId="{4E13914B-E15D-42EF-A00A-E3CD309C9CBB}" srcId="{C108418B-F9BD-4255-9FA5-8B3540000369}" destId="{68192D6D-CF2A-437B-B90E-B79703F8A041}" srcOrd="0" destOrd="0" parTransId="{42627436-BC87-4FCB-BEB1-59C6AD85A8EA}" sibTransId="{7CFDE74B-C32C-499D-879E-951C87C832C9}"/>
    <dgm:cxn modelId="{018AF66E-6669-4017-A83D-77411855FF08}" type="presOf" srcId="{68192D6D-CF2A-437B-B90E-B79703F8A041}" destId="{BC074C45-14B0-4AD0-8F18-462525F69648}" srcOrd="0" destOrd="0" presId="urn:microsoft.com/office/officeart/2005/8/layout/hierarchy6"/>
    <dgm:cxn modelId="{D4856551-5AB7-43BA-B643-AB324B86EABF}" type="presOf" srcId="{42627436-BC87-4FCB-BEB1-59C6AD85A8EA}" destId="{DEC9E765-F7A3-4E35-9BFD-6D5BBA9F3501}" srcOrd="0" destOrd="0" presId="urn:microsoft.com/office/officeart/2005/8/layout/hierarchy6"/>
    <dgm:cxn modelId="{848FCE51-9527-4C7B-8E5E-671BA00888BC}" type="presOf" srcId="{01457009-9755-4BF4-BBB9-1E26A2542D57}" destId="{F5418DCF-266A-445B-82F4-3C29DFC053DF}" srcOrd="0" destOrd="0" presId="urn:microsoft.com/office/officeart/2005/8/layout/hierarchy6"/>
    <dgm:cxn modelId="{7E3C4C7E-EFC1-47CC-B6B6-12EC93A9E229}" type="presOf" srcId="{20E47BB3-AA67-4491-AF07-AFBFAC12DBF4}" destId="{E5BC3FA2-42ED-42B7-8A15-1D703A2E7A34}" srcOrd="0" destOrd="0" presId="urn:microsoft.com/office/officeart/2005/8/layout/hierarchy6"/>
    <dgm:cxn modelId="{CB3AB295-CCA4-4A08-AB99-9B7367CCA8D1}" srcId="{68192D6D-CF2A-437B-B90E-B79703F8A041}" destId="{D114E2DB-A4F4-463F-A80D-FD2E2B14FBBA}" srcOrd="0" destOrd="0" parTransId="{755D3C1D-BB56-4605-B551-E446B5BE3CF6}" sibTransId="{4B908193-A930-4567-B574-1A03C7259896}"/>
    <dgm:cxn modelId="{187D4197-A910-4E29-8032-22C5BD90420A}" srcId="{D114E2DB-A4F4-463F-A80D-FD2E2B14FBBA}" destId="{88F45B69-8FE0-45ED-94A3-5720502BEF2E}" srcOrd="0" destOrd="0" parTransId="{62AE97B1-0859-4B65-BEEB-7BCDA389283B}" sibTransId="{ADDD0B80-15AD-438D-A6E5-E205A95AC34B}"/>
    <dgm:cxn modelId="{C9653B98-7B4A-4887-886A-52E5BDEA78E6}" type="presOf" srcId="{3BDB2795-FC9C-4EDA-BC10-9BA8C3FE1250}" destId="{78E34BC9-93A4-4B9F-B5DB-F0EE46DC636F}" srcOrd="0" destOrd="0" presId="urn:microsoft.com/office/officeart/2005/8/layout/hierarchy6"/>
    <dgm:cxn modelId="{1FCAE9BF-B3EC-4508-B680-27BC91E79879}" type="presOf" srcId="{CD61B641-1B2B-45FD-BDEA-F57E874784E0}" destId="{5C4E1053-8316-4290-9E8D-D6045F22B741}" srcOrd="0" destOrd="0" presId="urn:microsoft.com/office/officeart/2005/8/layout/hierarchy6"/>
    <dgm:cxn modelId="{166616C4-81DF-4D4D-9493-274F7BA586B5}" srcId="{68192D6D-CF2A-437B-B90E-B79703F8A041}" destId="{20E47BB3-AA67-4491-AF07-AFBFAC12DBF4}" srcOrd="1" destOrd="0" parTransId="{B38C2864-AD76-47BC-9170-352D3C05BF82}" sibTransId="{2A31B59F-D547-4E14-A622-5D68EE9679F4}"/>
    <dgm:cxn modelId="{147AAACD-62EF-4CDA-9D22-8620CA425825}" type="presOf" srcId="{22F50053-4056-4F37-ADCE-AF31547E720E}" destId="{663EC57E-B3C0-4C34-8773-B78D701C252E}" srcOrd="0" destOrd="0" presId="urn:microsoft.com/office/officeart/2005/8/layout/hierarchy6"/>
    <dgm:cxn modelId="{668604D9-95F8-41C1-A4A1-D0AFC1A83E58}" type="presOf" srcId="{D114E2DB-A4F4-463F-A80D-FD2E2B14FBBA}" destId="{C3D75626-FE5F-4EAB-8A3B-26B038146F0F}" srcOrd="0" destOrd="0" presId="urn:microsoft.com/office/officeart/2005/8/layout/hierarchy6"/>
    <dgm:cxn modelId="{F913E5E7-1FAB-42DD-BBA4-7FB5E0C18273}" type="presOf" srcId="{88F45B69-8FE0-45ED-94A3-5720502BEF2E}" destId="{AEAE0100-8DEC-4FA9-AD69-87768BB5EFF8}" srcOrd="0" destOrd="0" presId="urn:microsoft.com/office/officeart/2005/8/layout/hierarchy6"/>
    <dgm:cxn modelId="{D631EEEF-7B14-4D66-B0EE-8B156BFDD46F}" srcId="{4A2CFB4E-21E8-4E69-843E-E873CD436CD2}" destId="{C108418B-F9BD-4255-9FA5-8B3540000369}" srcOrd="0" destOrd="0" parTransId="{A8AC1326-CC0A-403D-9244-63C25E6B766A}" sibTransId="{D755C4F5-CB2F-4875-A57D-11DFC2EE7D04}"/>
    <dgm:cxn modelId="{F7582EF0-E3FE-4D06-B39E-90C581106E05}" type="presOf" srcId="{4A2CFB4E-21E8-4E69-843E-E873CD436CD2}" destId="{48C935A8-4AC7-4492-B0D2-EC84BE0C6D74}" srcOrd="0" destOrd="0" presId="urn:microsoft.com/office/officeart/2005/8/layout/hierarchy6"/>
    <dgm:cxn modelId="{785345F0-68D8-41BD-82AE-D58719FEF1F6}" type="presOf" srcId="{84F5B137-F621-4FE5-9065-B21E05666114}" destId="{BB3692E5-6975-442D-840A-516544C61489}" srcOrd="0" destOrd="0" presId="urn:microsoft.com/office/officeart/2005/8/layout/hierarchy6"/>
    <dgm:cxn modelId="{097076F4-7251-4AC8-AAB5-5E15DD35490B}" srcId="{68192D6D-CF2A-437B-B90E-B79703F8A041}" destId="{84F5B137-F621-4FE5-9065-B21E05666114}" srcOrd="2" destOrd="0" parTransId="{CD61B641-1B2B-45FD-BDEA-F57E874784E0}" sibTransId="{5C27BB2E-9431-4E62-815C-89BAA1880871}"/>
    <dgm:cxn modelId="{FEC43BF5-5DBB-4562-B398-5C4A0E7BDF6E}" type="presOf" srcId="{62AE97B1-0859-4B65-BEEB-7BCDA389283B}" destId="{0A288A4A-F3EF-4576-ABD2-C33DBD91DF9F}" srcOrd="0" destOrd="0" presId="urn:microsoft.com/office/officeart/2005/8/layout/hierarchy6"/>
    <dgm:cxn modelId="{64F5543E-C2E3-4670-B838-D71E6A8568D8}" type="presParOf" srcId="{48C935A8-4AC7-4492-B0D2-EC84BE0C6D74}" destId="{D9ED4250-4DEA-418B-BC03-B939BDE7E2AD}" srcOrd="0" destOrd="0" presId="urn:microsoft.com/office/officeart/2005/8/layout/hierarchy6"/>
    <dgm:cxn modelId="{A4DCFAE0-5621-47F9-ACFF-F443B7E5491F}" type="presParOf" srcId="{D9ED4250-4DEA-418B-BC03-B939BDE7E2AD}" destId="{7FB7C663-5AF2-41C5-8063-BE351474613B}" srcOrd="0" destOrd="0" presId="urn:microsoft.com/office/officeart/2005/8/layout/hierarchy6"/>
    <dgm:cxn modelId="{EAD7C002-B357-4844-8670-6852FCF2F111}" type="presParOf" srcId="{7FB7C663-5AF2-41C5-8063-BE351474613B}" destId="{BC052DD1-E37D-4172-97D5-1EFA9D71901E}" srcOrd="0" destOrd="0" presId="urn:microsoft.com/office/officeart/2005/8/layout/hierarchy6"/>
    <dgm:cxn modelId="{F1529368-3A06-4994-8487-15CBB09A2584}" type="presParOf" srcId="{BC052DD1-E37D-4172-97D5-1EFA9D71901E}" destId="{7DE57545-554B-41F0-A86A-6CE46783FA11}" srcOrd="0" destOrd="0" presId="urn:microsoft.com/office/officeart/2005/8/layout/hierarchy6"/>
    <dgm:cxn modelId="{0D00C18B-F944-485F-AEA2-CDC7C04A9421}" type="presParOf" srcId="{BC052DD1-E37D-4172-97D5-1EFA9D71901E}" destId="{52731B17-4ADF-40EE-8B7C-198E3BCD598D}" srcOrd="1" destOrd="0" presId="urn:microsoft.com/office/officeart/2005/8/layout/hierarchy6"/>
    <dgm:cxn modelId="{BF90B8B5-626D-4716-B0B9-3EE5EE3FE074}" type="presParOf" srcId="{52731B17-4ADF-40EE-8B7C-198E3BCD598D}" destId="{DEC9E765-F7A3-4E35-9BFD-6D5BBA9F3501}" srcOrd="0" destOrd="0" presId="urn:microsoft.com/office/officeart/2005/8/layout/hierarchy6"/>
    <dgm:cxn modelId="{4359247D-DFCB-4B04-BBEA-356607FF3A15}" type="presParOf" srcId="{52731B17-4ADF-40EE-8B7C-198E3BCD598D}" destId="{36758C4F-937A-4624-AE0F-A61854FAC1E8}" srcOrd="1" destOrd="0" presId="urn:microsoft.com/office/officeart/2005/8/layout/hierarchy6"/>
    <dgm:cxn modelId="{32CABCA5-101F-4BEF-B658-37A606ECBF96}" type="presParOf" srcId="{36758C4F-937A-4624-AE0F-A61854FAC1E8}" destId="{BC074C45-14B0-4AD0-8F18-462525F69648}" srcOrd="0" destOrd="0" presId="urn:microsoft.com/office/officeart/2005/8/layout/hierarchy6"/>
    <dgm:cxn modelId="{45C23049-5C1D-4F30-9712-38525EDB7B64}" type="presParOf" srcId="{36758C4F-937A-4624-AE0F-A61854FAC1E8}" destId="{74ED85EE-13B3-4756-A6F7-2B9B3A8CEF28}" srcOrd="1" destOrd="0" presId="urn:microsoft.com/office/officeart/2005/8/layout/hierarchy6"/>
    <dgm:cxn modelId="{833FD160-DD91-4B2F-9850-5E5AFC16A97A}" type="presParOf" srcId="{74ED85EE-13B3-4756-A6F7-2B9B3A8CEF28}" destId="{C6A24C41-E736-438B-B39F-8BD47AB0DC04}" srcOrd="0" destOrd="0" presId="urn:microsoft.com/office/officeart/2005/8/layout/hierarchy6"/>
    <dgm:cxn modelId="{CEF139E1-2F61-49A1-8C2E-AA0756EBE1D9}" type="presParOf" srcId="{74ED85EE-13B3-4756-A6F7-2B9B3A8CEF28}" destId="{B465EFEE-E7B7-42EA-B7A9-03E1195A4AE5}" srcOrd="1" destOrd="0" presId="urn:microsoft.com/office/officeart/2005/8/layout/hierarchy6"/>
    <dgm:cxn modelId="{F0CA8EE8-C9C0-45F6-B451-648BC61DAA64}" type="presParOf" srcId="{B465EFEE-E7B7-42EA-B7A9-03E1195A4AE5}" destId="{C3D75626-FE5F-4EAB-8A3B-26B038146F0F}" srcOrd="0" destOrd="0" presId="urn:microsoft.com/office/officeart/2005/8/layout/hierarchy6"/>
    <dgm:cxn modelId="{A751BB3D-0F6F-4A2E-9950-18980D313F9D}" type="presParOf" srcId="{B465EFEE-E7B7-42EA-B7A9-03E1195A4AE5}" destId="{C2BEE9E4-E6BE-4AA5-8E5A-B7BEE7320785}" srcOrd="1" destOrd="0" presId="urn:microsoft.com/office/officeart/2005/8/layout/hierarchy6"/>
    <dgm:cxn modelId="{1869AEA0-BA48-4C07-936D-1C68EB5CDFD0}" type="presParOf" srcId="{C2BEE9E4-E6BE-4AA5-8E5A-B7BEE7320785}" destId="{0A288A4A-F3EF-4576-ABD2-C33DBD91DF9F}" srcOrd="0" destOrd="0" presId="urn:microsoft.com/office/officeart/2005/8/layout/hierarchy6"/>
    <dgm:cxn modelId="{D0F1F314-FB84-498B-B7F0-2FF9920D8017}" type="presParOf" srcId="{C2BEE9E4-E6BE-4AA5-8E5A-B7BEE7320785}" destId="{717D36CB-7E35-46EC-99AF-D892FA9964DB}" srcOrd="1" destOrd="0" presId="urn:microsoft.com/office/officeart/2005/8/layout/hierarchy6"/>
    <dgm:cxn modelId="{687FF1A6-2A23-4770-B888-D337FFC66C86}" type="presParOf" srcId="{717D36CB-7E35-46EC-99AF-D892FA9964DB}" destId="{AEAE0100-8DEC-4FA9-AD69-87768BB5EFF8}" srcOrd="0" destOrd="0" presId="urn:microsoft.com/office/officeart/2005/8/layout/hierarchy6"/>
    <dgm:cxn modelId="{873B975C-8E68-4DE5-9B00-9D4D7BE2455D}" type="presParOf" srcId="{717D36CB-7E35-46EC-99AF-D892FA9964DB}" destId="{DA7F057A-9502-44B0-A35B-8AB5A2955C4B}" srcOrd="1" destOrd="0" presId="urn:microsoft.com/office/officeart/2005/8/layout/hierarchy6"/>
    <dgm:cxn modelId="{0404AADE-55E1-4871-8327-131729A69E12}" type="presParOf" srcId="{74ED85EE-13B3-4756-A6F7-2B9B3A8CEF28}" destId="{D29DC6C1-AC31-4477-BFF0-60DF4962BA05}" srcOrd="2" destOrd="0" presId="urn:microsoft.com/office/officeart/2005/8/layout/hierarchy6"/>
    <dgm:cxn modelId="{5473D692-6141-4394-BD3A-4C282C61598A}" type="presParOf" srcId="{74ED85EE-13B3-4756-A6F7-2B9B3A8CEF28}" destId="{A4F679C1-4828-43A2-B26F-25FD4D46ABBD}" srcOrd="3" destOrd="0" presId="urn:microsoft.com/office/officeart/2005/8/layout/hierarchy6"/>
    <dgm:cxn modelId="{1468129D-B409-40C9-8B2E-8A2C3DB9E7D0}" type="presParOf" srcId="{A4F679C1-4828-43A2-B26F-25FD4D46ABBD}" destId="{E5BC3FA2-42ED-42B7-8A15-1D703A2E7A34}" srcOrd="0" destOrd="0" presId="urn:microsoft.com/office/officeart/2005/8/layout/hierarchy6"/>
    <dgm:cxn modelId="{BE7D7051-5DAA-4035-B60B-692B88B3BBCC}" type="presParOf" srcId="{A4F679C1-4828-43A2-B26F-25FD4D46ABBD}" destId="{E5EBA403-DD3C-4352-96F7-1AA4299493C2}" srcOrd="1" destOrd="0" presId="urn:microsoft.com/office/officeart/2005/8/layout/hierarchy6"/>
    <dgm:cxn modelId="{43C9ACD4-BFA5-4940-BF12-28DE789E5C11}" type="presParOf" srcId="{E5EBA403-DD3C-4352-96F7-1AA4299493C2}" destId="{78E34BC9-93A4-4B9F-B5DB-F0EE46DC636F}" srcOrd="0" destOrd="0" presId="urn:microsoft.com/office/officeart/2005/8/layout/hierarchy6"/>
    <dgm:cxn modelId="{1257DB79-C384-49BA-9000-978F8D3B589C}" type="presParOf" srcId="{E5EBA403-DD3C-4352-96F7-1AA4299493C2}" destId="{0965256D-1A17-490C-AA33-B49FAE45ADDA}" srcOrd="1" destOrd="0" presId="urn:microsoft.com/office/officeart/2005/8/layout/hierarchy6"/>
    <dgm:cxn modelId="{23D89E06-1032-44D1-9534-4BFBF740B446}" type="presParOf" srcId="{0965256D-1A17-490C-AA33-B49FAE45ADDA}" destId="{663EC57E-B3C0-4C34-8773-B78D701C252E}" srcOrd="0" destOrd="0" presId="urn:microsoft.com/office/officeart/2005/8/layout/hierarchy6"/>
    <dgm:cxn modelId="{6DE3CBC8-2B5D-4D57-872D-1B83A706452B}" type="presParOf" srcId="{0965256D-1A17-490C-AA33-B49FAE45ADDA}" destId="{FCAFFC58-3EF2-4CB5-A965-1F71AAE45A3A}" srcOrd="1" destOrd="0" presId="urn:microsoft.com/office/officeart/2005/8/layout/hierarchy6"/>
    <dgm:cxn modelId="{7EA4AB0E-1329-4D71-8C2A-B0AA66F0C921}" type="presParOf" srcId="{74ED85EE-13B3-4756-A6F7-2B9B3A8CEF28}" destId="{5C4E1053-8316-4290-9E8D-D6045F22B741}" srcOrd="4" destOrd="0" presId="urn:microsoft.com/office/officeart/2005/8/layout/hierarchy6"/>
    <dgm:cxn modelId="{EBF17A24-5BE8-439B-B3B5-7B2D20A67A65}" type="presParOf" srcId="{74ED85EE-13B3-4756-A6F7-2B9B3A8CEF28}" destId="{E7CCC297-E831-4D2C-9A04-DAA4DB17763D}" srcOrd="5" destOrd="0" presId="urn:microsoft.com/office/officeart/2005/8/layout/hierarchy6"/>
    <dgm:cxn modelId="{2A3A9611-6C47-48B7-94F1-188469DF818D}" type="presParOf" srcId="{E7CCC297-E831-4D2C-9A04-DAA4DB17763D}" destId="{BB3692E5-6975-442D-840A-516544C61489}" srcOrd="0" destOrd="0" presId="urn:microsoft.com/office/officeart/2005/8/layout/hierarchy6"/>
    <dgm:cxn modelId="{62C7B6D6-11F4-44E3-81AD-3600B2D9D03A}" type="presParOf" srcId="{E7CCC297-E831-4D2C-9A04-DAA4DB17763D}" destId="{A331C09F-F7C0-4116-9C0B-C67DE6C13BB5}" srcOrd="1" destOrd="0" presId="urn:microsoft.com/office/officeart/2005/8/layout/hierarchy6"/>
    <dgm:cxn modelId="{8FEF58BC-B5D2-42E1-8EFD-20B1C88D78FE}" type="presParOf" srcId="{A331C09F-F7C0-4116-9C0B-C67DE6C13BB5}" destId="{3C3AB5C4-B7A5-421E-8A2F-401395BE2DDD}" srcOrd="0" destOrd="0" presId="urn:microsoft.com/office/officeart/2005/8/layout/hierarchy6"/>
    <dgm:cxn modelId="{27C55934-78DC-4B9A-8B71-A7DB3A4B0D4B}" type="presParOf" srcId="{A331C09F-F7C0-4116-9C0B-C67DE6C13BB5}" destId="{1E285621-90C1-4C66-A181-19EC3FDC98DC}" srcOrd="1" destOrd="0" presId="urn:microsoft.com/office/officeart/2005/8/layout/hierarchy6"/>
    <dgm:cxn modelId="{E2D1746D-D43E-4002-8E08-D69CA84F05AD}" type="presParOf" srcId="{1E285621-90C1-4C66-A181-19EC3FDC98DC}" destId="{F5418DCF-266A-445B-82F4-3C29DFC053DF}" srcOrd="0" destOrd="0" presId="urn:microsoft.com/office/officeart/2005/8/layout/hierarchy6"/>
    <dgm:cxn modelId="{6DACF871-5B7F-49BF-AEC9-8E52C48D31CF}" type="presParOf" srcId="{1E285621-90C1-4C66-A181-19EC3FDC98DC}" destId="{A670C433-2259-4685-97A4-87F3003E4CC7}" srcOrd="1" destOrd="0" presId="urn:microsoft.com/office/officeart/2005/8/layout/hierarchy6"/>
    <dgm:cxn modelId="{35E92FD8-A444-4C5B-8582-973ACAE31B21}" type="presParOf" srcId="{48C935A8-4AC7-4492-B0D2-EC84BE0C6D74}" destId="{E6335919-53D4-4DF4-8600-8D5389022C25}" srcOrd="1" destOrd="0" presId="urn:microsoft.com/office/officeart/2005/8/layout/hierarchy6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4A2CFB4E-21E8-4E69-843E-E873CD436CD2}" type="doc">
      <dgm:prSet loTypeId="urn:microsoft.com/office/officeart/2005/8/layout/hierarchy6" loCatId="hierarchy" qsTypeId="urn:microsoft.com/office/officeart/2005/8/quickstyle/simple1" qsCatId="simple" csTypeId="urn:microsoft.com/office/officeart/2005/8/colors/colorful1" csCatId="colorful" phldr="1"/>
      <dgm:spPr/>
      <dgm:t>
        <a:bodyPr/>
        <a:lstStyle/>
        <a:p>
          <a:endParaRPr lang="da-DK"/>
        </a:p>
      </dgm:t>
    </dgm:pt>
    <dgm:pt modelId="{D114E2DB-A4F4-463F-A80D-FD2E2B14FBBA}">
      <dgm:prSet custT="1"/>
      <dgm:spPr/>
      <dgm:t>
        <a:bodyPr/>
        <a:lstStyle/>
        <a:p>
          <a:r>
            <a:rPr lang="da-DK" sz="1800" dirty="0"/>
            <a:t>Strategi og Kvalitet</a:t>
          </a:r>
        </a:p>
        <a:p>
          <a:r>
            <a:rPr lang="da-DK" sz="1800" dirty="0"/>
            <a:t>Christian Grud</a:t>
          </a:r>
        </a:p>
      </dgm:t>
    </dgm:pt>
    <dgm:pt modelId="{755D3C1D-BB56-4605-B551-E446B5BE3CF6}" type="parTrans" cxnId="{CB3AB295-CCA4-4A08-AB99-9B7367CCA8D1}">
      <dgm:prSet/>
      <dgm:spPr/>
      <dgm:t>
        <a:bodyPr/>
        <a:lstStyle/>
        <a:p>
          <a:endParaRPr lang="da-DK"/>
        </a:p>
      </dgm:t>
    </dgm:pt>
    <dgm:pt modelId="{4B908193-A930-4567-B574-1A03C7259896}" type="sibTrans" cxnId="{CB3AB295-CCA4-4A08-AB99-9B7367CCA8D1}">
      <dgm:prSet/>
      <dgm:spPr/>
      <dgm:t>
        <a:bodyPr/>
        <a:lstStyle/>
        <a:p>
          <a:endParaRPr lang="da-DK"/>
        </a:p>
      </dgm:t>
    </dgm:pt>
    <dgm:pt modelId="{88F45B69-8FE0-45ED-94A3-5720502BEF2E}">
      <dgm:prSet custT="1"/>
      <dgm:spPr/>
      <dgm:t>
        <a:bodyPr/>
        <a:lstStyle/>
        <a:p>
          <a:pPr marL="0" lvl="0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r>
            <a:rPr lang="da-DK" sz="1600" dirty="0"/>
            <a:t>Caroline Schaffalitzky de Muckadell</a:t>
          </a:r>
        </a:p>
        <a:p>
          <a:pPr marL="0" marR="0" lvl="0" indent="0" defTabSz="4445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600" dirty="0"/>
            <a:t>Thomas Rasmussen</a:t>
          </a:r>
        </a:p>
        <a:p>
          <a:pPr marL="0" marR="0" lvl="0" indent="0" defTabSz="4445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600" dirty="0"/>
            <a:t>Kenneth Baadsgaard</a:t>
          </a:r>
        </a:p>
        <a:p>
          <a:pPr marL="0" lvl="0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r>
            <a:rPr lang="da-DK" sz="1600" dirty="0"/>
            <a:t>Vikki Thygesen</a:t>
          </a:r>
        </a:p>
        <a:p>
          <a:pPr marL="0" marR="0" lvl="0" indent="0" defTabSz="9144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600" dirty="0"/>
            <a:t>Pia Kjær</a:t>
          </a:r>
          <a:br>
            <a:rPr lang="da-DK" sz="1600" dirty="0"/>
          </a:br>
          <a:r>
            <a:rPr lang="da-DK" sz="1600" dirty="0"/>
            <a:t>Anne Sofie Lindegaard</a:t>
          </a:r>
        </a:p>
        <a:p>
          <a:pPr marL="0" lvl="0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endParaRPr lang="da-DK" sz="1000" dirty="0"/>
        </a:p>
      </dgm:t>
    </dgm:pt>
    <dgm:pt modelId="{ADDD0B80-15AD-438D-A6E5-E205A95AC34B}" type="sibTrans" cxnId="{187D4197-A910-4E29-8032-22C5BD90420A}">
      <dgm:prSet/>
      <dgm:spPr/>
      <dgm:t>
        <a:bodyPr/>
        <a:lstStyle/>
        <a:p>
          <a:endParaRPr lang="da-DK"/>
        </a:p>
      </dgm:t>
    </dgm:pt>
    <dgm:pt modelId="{62AE97B1-0859-4B65-BEEB-7BCDA389283B}" type="parTrans" cxnId="{187D4197-A910-4E29-8032-22C5BD90420A}">
      <dgm:prSet/>
      <dgm:spPr/>
      <dgm:t>
        <a:bodyPr/>
        <a:lstStyle/>
        <a:p>
          <a:endParaRPr lang="da-DK"/>
        </a:p>
      </dgm:t>
    </dgm:pt>
    <dgm:pt modelId="{48C935A8-4AC7-4492-B0D2-EC84BE0C6D74}" type="pres">
      <dgm:prSet presAssocID="{4A2CFB4E-21E8-4E69-843E-E873CD436CD2}" presName="mainComposite" presStyleCnt="0">
        <dgm:presLayoutVars>
          <dgm:chPref val="1"/>
          <dgm:dir/>
          <dgm:animOne val="branch"/>
          <dgm:animLvl val="lvl"/>
          <dgm:resizeHandles val="exact"/>
        </dgm:presLayoutVars>
      </dgm:prSet>
      <dgm:spPr/>
    </dgm:pt>
    <dgm:pt modelId="{D9ED4250-4DEA-418B-BC03-B939BDE7E2AD}" type="pres">
      <dgm:prSet presAssocID="{4A2CFB4E-21E8-4E69-843E-E873CD436CD2}" presName="hierFlow" presStyleCnt="0"/>
      <dgm:spPr/>
    </dgm:pt>
    <dgm:pt modelId="{7FB7C663-5AF2-41C5-8063-BE351474613B}" type="pres">
      <dgm:prSet presAssocID="{4A2CFB4E-21E8-4E69-843E-E873CD436CD2}" presName="hierChild1" presStyleCnt="0">
        <dgm:presLayoutVars>
          <dgm:chPref val="1"/>
          <dgm:animOne val="branch"/>
          <dgm:animLvl val="lvl"/>
        </dgm:presLayoutVars>
      </dgm:prSet>
      <dgm:spPr/>
    </dgm:pt>
    <dgm:pt modelId="{F54DB4CB-53DA-48C7-8804-184835712922}" type="pres">
      <dgm:prSet presAssocID="{D114E2DB-A4F4-463F-A80D-FD2E2B14FBBA}" presName="Name14" presStyleCnt="0"/>
      <dgm:spPr/>
    </dgm:pt>
    <dgm:pt modelId="{68E3D92B-F6ED-4BA5-AED0-19741F9F89AA}" type="pres">
      <dgm:prSet presAssocID="{D114E2DB-A4F4-463F-A80D-FD2E2B14FBBA}" presName="level1Shape" presStyleLbl="node0" presStyleIdx="0" presStyleCnt="1" custLinFactNeighborY="20419">
        <dgm:presLayoutVars>
          <dgm:chPref val="3"/>
        </dgm:presLayoutVars>
      </dgm:prSet>
      <dgm:spPr/>
    </dgm:pt>
    <dgm:pt modelId="{21BACFCC-E2AF-4B36-934C-BFED597A1AFC}" type="pres">
      <dgm:prSet presAssocID="{D114E2DB-A4F4-463F-A80D-FD2E2B14FBBA}" presName="hierChild2" presStyleCnt="0"/>
      <dgm:spPr/>
    </dgm:pt>
    <dgm:pt modelId="{0A288A4A-F3EF-4576-ABD2-C33DBD91DF9F}" type="pres">
      <dgm:prSet presAssocID="{62AE97B1-0859-4B65-BEEB-7BCDA389283B}" presName="Name19" presStyleLbl="parChTrans1D2" presStyleIdx="0" presStyleCnt="1"/>
      <dgm:spPr/>
    </dgm:pt>
    <dgm:pt modelId="{717D36CB-7E35-46EC-99AF-D892FA9964DB}" type="pres">
      <dgm:prSet presAssocID="{88F45B69-8FE0-45ED-94A3-5720502BEF2E}" presName="Name21" presStyleCnt="0"/>
      <dgm:spPr/>
    </dgm:pt>
    <dgm:pt modelId="{AEAE0100-8DEC-4FA9-AD69-87768BB5EFF8}" type="pres">
      <dgm:prSet presAssocID="{88F45B69-8FE0-45ED-94A3-5720502BEF2E}" presName="level2Shape" presStyleLbl="node2" presStyleIdx="0" presStyleCnt="1" custScaleX="161493" custScaleY="227285" custLinFactNeighborY="-949"/>
      <dgm:spPr/>
    </dgm:pt>
    <dgm:pt modelId="{DA7F057A-9502-44B0-A35B-8AB5A2955C4B}" type="pres">
      <dgm:prSet presAssocID="{88F45B69-8FE0-45ED-94A3-5720502BEF2E}" presName="hierChild3" presStyleCnt="0"/>
      <dgm:spPr/>
    </dgm:pt>
    <dgm:pt modelId="{E6335919-53D4-4DF4-8600-8D5389022C25}" type="pres">
      <dgm:prSet presAssocID="{4A2CFB4E-21E8-4E69-843E-E873CD436CD2}" presName="bgShapesFlow" presStyleCnt="0"/>
      <dgm:spPr/>
    </dgm:pt>
  </dgm:ptLst>
  <dgm:cxnLst>
    <dgm:cxn modelId="{1F15E541-6AF2-4B99-8422-726EF46C0273}" type="presOf" srcId="{62AE97B1-0859-4B65-BEEB-7BCDA389283B}" destId="{0A288A4A-F3EF-4576-ABD2-C33DBD91DF9F}" srcOrd="0" destOrd="0" presId="urn:microsoft.com/office/officeart/2005/8/layout/hierarchy6"/>
    <dgm:cxn modelId="{CB3AB295-CCA4-4A08-AB99-9B7367CCA8D1}" srcId="{4A2CFB4E-21E8-4E69-843E-E873CD436CD2}" destId="{D114E2DB-A4F4-463F-A80D-FD2E2B14FBBA}" srcOrd="0" destOrd="0" parTransId="{755D3C1D-BB56-4605-B551-E446B5BE3CF6}" sibTransId="{4B908193-A930-4567-B574-1A03C7259896}"/>
    <dgm:cxn modelId="{187D4197-A910-4E29-8032-22C5BD90420A}" srcId="{D114E2DB-A4F4-463F-A80D-FD2E2B14FBBA}" destId="{88F45B69-8FE0-45ED-94A3-5720502BEF2E}" srcOrd="0" destOrd="0" parTransId="{62AE97B1-0859-4B65-BEEB-7BCDA389283B}" sibTransId="{ADDD0B80-15AD-438D-A6E5-E205A95AC34B}"/>
    <dgm:cxn modelId="{F2DEBE97-40F2-4914-9C88-BF45DD277B4D}" type="presOf" srcId="{D114E2DB-A4F4-463F-A80D-FD2E2B14FBBA}" destId="{68E3D92B-F6ED-4BA5-AED0-19741F9F89AA}" srcOrd="0" destOrd="0" presId="urn:microsoft.com/office/officeart/2005/8/layout/hierarchy6"/>
    <dgm:cxn modelId="{2F6EA5D4-BD1B-4F5E-9441-AEB44ED58A5E}" type="presOf" srcId="{88F45B69-8FE0-45ED-94A3-5720502BEF2E}" destId="{AEAE0100-8DEC-4FA9-AD69-87768BB5EFF8}" srcOrd="0" destOrd="0" presId="urn:microsoft.com/office/officeart/2005/8/layout/hierarchy6"/>
    <dgm:cxn modelId="{F7582EF0-E3FE-4D06-B39E-90C581106E05}" type="presOf" srcId="{4A2CFB4E-21E8-4E69-843E-E873CD436CD2}" destId="{48C935A8-4AC7-4492-B0D2-EC84BE0C6D74}" srcOrd="0" destOrd="0" presId="urn:microsoft.com/office/officeart/2005/8/layout/hierarchy6"/>
    <dgm:cxn modelId="{64F5543E-C2E3-4670-B838-D71E6A8568D8}" type="presParOf" srcId="{48C935A8-4AC7-4492-B0D2-EC84BE0C6D74}" destId="{D9ED4250-4DEA-418B-BC03-B939BDE7E2AD}" srcOrd="0" destOrd="0" presId="urn:microsoft.com/office/officeart/2005/8/layout/hierarchy6"/>
    <dgm:cxn modelId="{A4DCFAE0-5621-47F9-ACFF-F443B7E5491F}" type="presParOf" srcId="{D9ED4250-4DEA-418B-BC03-B939BDE7E2AD}" destId="{7FB7C663-5AF2-41C5-8063-BE351474613B}" srcOrd="0" destOrd="0" presId="urn:microsoft.com/office/officeart/2005/8/layout/hierarchy6"/>
    <dgm:cxn modelId="{092E128D-8BA8-4FD5-B1C0-E2BCE05CFE8C}" type="presParOf" srcId="{7FB7C663-5AF2-41C5-8063-BE351474613B}" destId="{F54DB4CB-53DA-48C7-8804-184835712922}" srcOrd="0" destOrd="0" presId="urn:microsoft.com/office/officeart/2005/8/layout/hierarchy6"/>
    <dgm:cxn modelId="{45019A3F-0AD7-4514-A92C-5D4CF106D43E}" type="presParOf" srcId="{F54DB4CB-53DA-48C7-8804-184835712922}" destId="{68E3D92B-F6ED-4BA5-AED0-19741F9F89AA}" srcOrd="0" destOrd="0" presId="urn:microsoft.com/office/officeart/2005/8/layout/hierarchy6"/>
    <dgm:cxn modelId="{ABD5974B-5AA2-4A60-A928-A8FBCF96945B}" type="presParOf" srcId="{F54DB4CB-53DA-48C7-8804-184835712922}" destId="{21BACFCC-E2AF-4B36-934C-BFED597A1AFC}" srcOrd="1" destOrd="0" presId="urn:microsoft.com/office/officeart/2005/8/layout/hierarchy6"/>
    <dgm:cxn modelId="{1384A4CA-A672-47D6-BB64-9347690722AE}" type="presParOf" srcId="{21BACFCC-E2AF-4B36-934C-BFED597A1AFC}" destId="{0A288A4A-F3EF-4576-ABD2-C33DBD91DF9F}" srcOrd="0" destOrd="0" presId="urn:microsoft.com/office/officeart/2005/8/layout/hierarchy6"/>
    <dgm:cxn modelId="{32C9B8BF-1324-4217-B54D-238F7DD07933}" type="presParOf" srcId="{21BACFCC-E2AF-4B36-934C-BFED597A1AFC}" destId="{717D36CB-7E35-46EC-99AF-D892FA9964DB}" srcOrd="1" destOrd="0" presId="urn:microsoft.com/office/officeart/2005/8/layout/hierarchy6"/>
    <dgm:cxn modelId="{587222E4-6668-4E04-9E69-A2ECCFB4DF4E}" type="presParOf" srcId="{717D36CB-7E35-46EC-99AF-D892FA9964DB}" destId="{AEAE0100-8DEC-4FA9-AD69-87768BB5EFF8}" srcOrd="0" destOrd="0" presId="urn:microsoft.com/office/officeart/2005/8/layout/hierarchy6"/>
    <dgm:cxn modelId="{4692090C-F650-4055-854E-FE8F1EB7D6A4}" type="presParOf" srcId="{717D36CB-7E35-46EC-99AF-D892FA9964DB}" destId="{DA7F057A-9502-44B0-A35B-8AB5A2955C4B}" srcOrd="1" destOrd="0" presId="urn:microsoft.com/office/officeart/2005/8/layout/hierarchy6"/>
    <dgm:cxn modelId="{35E92FD8-A444-4C5B-8582-973ACAE31B21}" type="presParOf" srcId="{48C935A8-4AC7-4492-B0D2-EC84BE0C6D74}" destId="{E6335919-53D4-4DF4-8600-8D5389022C25}" srcOrd="1" destOrd="0" presId="urn:microsoft.com/office/officeart/2005/8/layout/hierarchy6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F2626548-6703-49E3-8CF6-DF894DBFDEFD}" type="doc">
      <dgm:prSet loTypeId="urn:microsoft.com/office/officeart/2005/8/layout/vProcess5" loCatId="process" qsTypeId="urn:microsoft.com/office/officeart/2005/8/quickstyle/simple2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A300597F-7E02-453F-9EDC-A556775D041D}">
      <dgm:prSet/>
      <dgm:spPr/>
      <dgm:t>
        <a:bodyPr/>
        <a:lstStyle/>
        <a:p>
          <a:r>
            <a:rPr lang="da-DK" b="1"/>
            <a:t>Opfølgningsprocessen for uddannelseskvalitet på SDU</a:t>
          </a:r>
          <a:endParaRPr lang="en-US"/>
        </a:p>
      </dgm:t>
    </dgm:pt>
    <dgm:pt modelId="{7A9D708D-3AFE-454A-95B8-A1593C370877}" type="parTrans" cxnId="{3F81A1C3-2F63-4800-9994-62B13BE10C94}">
      <dgm:prSet/>
      <dgm:spPr/>
      <dgm:t>
        <a:bodyPr/>
        <a:lstStyle/>
        <a:p>
          <a:endParaRPr lang="en-US"/>
        </a:p>
      </dgm:t>
    </dgm:pt>
    <dgm:pt modelId="{0CBA83F9-1C22-4E76-9763-D8B98FD80D0A}" type="sibTrans" cxnId="{3F81A1C3-2F63-4800-9994-62B13BE10C94}">
      <dgm:prSet/>
      <dgm:spPr/>
      <dgm:t>
        <a:bodyPr/>
        <a:lstStyle/>
        <a:p>
          <a:endParaRPr lang="en-US"/>
        </a:p>
      </dgm:t>
    </dgm:pt>
    <dgm:pt modelId="{4E05C59A-ED01-4BD2-B710-1B049EC6F396}">
      <dgm:prSet/>
      <dgm:spPr/>
      <dgm:t>
        <a:bodyPr/>
        <a:lstStyle/>
        <a:p>
          <a:r>
            <a:rPr lang="da-DK" b="1"/>
            <a:t>Processen for SDUs uddannelsesportefølje</a:t>
          </a:r>
          <a:endParaRPr lang="en-US"/>
        </a:p>
      </dgm:t>
    </dgm:pt>
    <dgm:pt modelId="{C821C3F9-8BCB-412F-BFA3-A95173006B66}" type="parTrans" cxnId="{502EA452-7EE1-436C-8CEC-86167393EF22}">
      <dgm:prSet/>
      <dgm:spPr/>
      <dgm:t>
        <a:bodyPr/>
        <a:lstStyle/>
        <a:p>
          <a:endParaRPr lang="en-US"/>
        </a:p>
      </dgm:t>
    </dgm:pt>
    <dgm:pt modelId="{84939D5A-B9EE-431D-916C-D91F7AB47BFD}" type="sibTrans" cxnId="{502EA452-7EE1-436C-8CEC-86167393EF22}">
      <dgm:prSet/>
      <dgm:spPr/>
      <dgm:t>
        <a:bodyPr/>
        <a:lstStyle/>
        <a:p>
          <a:endParaRPr lang="en-US"/>
        </a:p>
      </dgm:t>
    </dgm:pt>
    <dgm:pt modelId="{86DA7C6B-1AB8-46D5-8763-982DC3FCA236}" type="pres">
      <dgm:prSet presAssocID="{F2626548-6703-49E3-8CF6-DF894DBFDEFD}" presName="outerComposite" presStyleCnt="0">
        <dgm:presLayoutVars>
          <dgm:chMax val="5"/>
          <dgm:dir/>
          <dgm:resizeHandles val="exact"/>
        </dgm:presLayoutVars>
      </dgm:prSet>
      <dgm:spPr/>
    </dgm:pt>
    <dgm:pt modelId="{309CD34E-7134-4FA2-9CC8-890116F4E37A}" type="pres">
      <dgm:prSet presAssocID="{F2626548-6703-49E3-8CF6-DF894DBFDEFD}" presName="dummyMaxCanvas" presStyleCnt="0">
        <dgm:presLayoutVars/>
      </dgm:prSet>
      <dgm:spPr/>
    </dgm:pt>
    <dgm:pt modelId="{72422892-28B2-4128-8249-CC5406640993}" type="pres">
      <dgm:prSet presAssocID="{F2626548-6703-49E3-8CF6-DF894DBFDEFD}" presName="TwoNodes_1" presStyleLbl="node1" presStyleIdx="0" presStyleCnt="2">
        <dgm:presLayoutVars>
          <dgm:bulletEnabled val="1"/>
        </dgm:presLayoutVars>
      </dgm:prSet>
      <dgm:spPr/>
    </dgm:pt>
    <dgm:pt modelId="{552F8330-A6EF-4C4B-B057-EA47C196EC02}" type="pres">
      <dgm:prSet presAssocID="{F2626548-6703-49E3-8CF6-DF894DBFDEFD}" presName="TwoNodes_2" presStyleLbl="node1" presStyleIdx="1" presStyleCnt="2">
        <dgm:presLayoutVars>
          <dgm:bulletEnabled val="1"/>
        </dgm:presLayoutVars>
      </dgm:prSet>
      <dgm:spPr/>
    </dgm:pt>
    <dgm:pt modelId="{36349B03-54D2-47B9-9751-12A0975EA6D4}" type="pres">
      <dgm:prSet presAssocID="{F2626548-6703-49E3-8CF6-DF894DBFDEFD}" presName="TwoConn_1-2" presStyleLbl="fgAccFollowNode1" presStyleIdx="0" presStyleCnt="1">
        <dgm:presLayoutVars>
          <dgm:bulletEnabled val="1"/>
        </dgm:presLayoutVars>
      </dgm:prSet>
      <dgm:spPr/>
    </dgm:pt>
    <dgm:pt modelId="{CB827FF1-EE75-4228-BF6C-29B1068A5CB4}" type="pres">
      <dgm:prSet presAssocID="{F2626548-6703-49E3-8CF6-DF894DBFDEFD}" presName="TwoNodes_1_text" presStyleLbl="node1" presStyleIdx="1" presStyleCnt="2">
        <dgm:presLayoutVars>
          <dgm:bulletEnabled val="1"/>
        </dgm:presLayoutVars>
      </dgm:prSet>
      <dgm:spPr/>
    </dgm:pt>
    <dgm:pt modelId="{C09AE332-1088-4314-A41C-6D8612E9BE59}" type="pres">
      <dgm:prSet presAssocID="{F2626548-6703-49E3-8CF6-DF894DBFDEFD}" presName="TwoNodes_2_text" presStyleLbl="node1" presStyleIdx="1" presStyleCnt="2">
        <dgm:presLayoutVars>
          <dgm:bulletEnabled val="1"/>
        </dgm:presLayoutVars>
      </dgm:prSet>
      <dgm:spPr/>
    </dgm:pt>
  </dgm:ptLst>
  <dgm:cxnLst>
    <dgm:cxn modelId="{354DAA1F-71F7-4327-AEC8-5EF5A438F22F}" type="presOf" srcId="{4E05C59A-ED01-4BD2-B710-1B049EC6F396}" destId="{C09AE332-1088-4314-A41C-6D8612E9BE59}" srcOrd="1" destOrd="0" presId="urn:microsoft.com/office/officeart/2005/8/layout/vProcess5"/>
    <dgm:cxn modelId="{6841B26B-E331-46EB-97BE-C69703EBC672}" type="presOf" srcId="{A300597F-7E02-453F-9EDC-A556775D041D}" destId="{CB827FF1-EE75-4228-BF6C-29B1068A5CB4}" srcOrd="1" destOrd="0" presId="urn:microsoft.com/office/officeart/2005/8/layout/vProcess5"/>
    <dgm:cxn modelId="{502EA452-7EE1-436C-8CEC-86167393EF22}" srcId="{F2626548-6703-49E3-8CF6-DF894DBFDEFD}" destId="{4E05C59A-ED01-4BD2-B710-1B049EC6F396}" srcOrd="1" destOrd="0" parTransId="{C821C3F9-8BCB-412F-BFA3-A95173006B66}" sibTransId="{84939D5A-B9EE-431D-916C-D91F7AB47BFD}"/>
    <dgm:cxn modelId="{19939884-90AC-4C5A-8D26-65A4B2725A1C}" type="presOf" srcId="{0CBA83F9-1C22-4E76-9763-D8B98FD80D0A}" destId="{36349B03-54D2-47B9-9751-12A0975EA6D4}" srcOrd="0" destOrd="0" presId="urn:microsoft.com/office/officeart/2005/8/layout/vProcess5"/>
    <dgm:cxn modelId="{3F81A1C3-2F63-4800-9994-62B13BE10C94}" srcId="{F2626548-6703-49E3-8CF6-DF894DBFDEFD}" destId="{A300597F-7E02-453F-9EDC-A556775D041D}" srcOrd="0" destOrd="0" parTransId="{7A9D708D-3AFE-454A-95B8-A1593C370877}" sibTransId="{0CBA83F9-1C22-4E76-9763-D8B98FD80D0A}"/>
    <dgm:cxn modelId="{F5576ED3-01F5-4FA2-9CC3-3EA0A1DA3ABF}" type="presOf" srcId="{F2626548-6703-49E3-8CF6-DF894DBFDEFD}" destId="{86DA7C6B-1AB8-46D5-8763-982DC3FCA236}" srcOrd="0" destOrd="0" presId="urn:microsoft.com/office/officeart/2005/8/layout/vProcess5"/>
    <dgm:cxn modelId="{BDBEBEF6-95B3-44B5-A935-54E29EC38421}" type="presOf" srcId="{A300597F-7E02-453F-9EDC-A556775D041D}" destId="{72422892-28B2-4128-8249-CC5406640993}" srcOrd="0" destOrd="0" presId="urn:microsoft.com/office/officeart/2005/8/layout/vProcess5"/>
    <dgm:cxn modelId="{2A27D0FC-F3DB-436B-84FE-CB4673351D43}" type="presOf" srcId="{4E05C59A-ED01-4BD2-B710-1B049EC6F396}" destId="{552F8330-A6EF-4C4B-B057-EA47C196EC02}" srcOrd="0" destOrd="0" presId="urn:microsoft.com/office/officeart/2005/8/layout/vProcess5"/>
    <dgm:cxn modelId="{995016B4-2B9C-4FBA-B496-EDF2E2245AC0}" type="presParOf" srcId="{86DA7C6B-1AB8-46D5-8763-982DC3FCA236}" destId="{309CD34E-7134-4FA2-9CC8-890116F4E37A}" srcOrd="0" destOrd="0" presId="urn:microsoft.com/office/officeart/2005/8/layout/vProcess5"/>
    <dgm:cxn modelId="{ED27EB5B-06E4-414D-BAD6-46FE8CEE32D7}" type="presParOf" srcId="{86DA7C6B-1AB8-46D5-8763-982DC3FCA236}" destId="{72422892-28B2-4128-8249-CC5406640993}" srcOrd="1" destOrd="0" presId="urn:microsoft.com/office/officeart/2005/8/layout/vProcess5"/>
    <dgm:cxn modelId="{975095FD-3099-4508-AB55-A399F0F7385B}" type="presParOf" srcId="{86DA7C6B-1AB8-46D5-8763-982DC3FCA236}" destId="{552F8330-A6EF-4C4B-B057-EA47C196EC02}" srcOrd="2" destOrd="0" presId="urn:microsoft.com/office/officeart/2005/8/layout/vProcess5"/>
    <dgm:cxn modelId="{C1F8855F-F807-4E5A-BF60-D905A3D1DE63}" type="presParOf" srcId="{86DA7C6B-1AB8-46D5-8763-982DC3FCA236}" destId="{36349B03-54D2-47B9-9751-12A0975EA6D4}" srcOrd="3" destOrd="0" presId="urn:microsoft.com/office/officeart/2005/8/layout/vProcess5"/>
    <dgm:cxn modelId="{898ACF67-F74A-4908-A235-9CED8FD0129D}" type="presParOf" srcId="{86DA7C6B-1AB8-46D5-8763-982DC3FCA236}" destId="{CB827FF1-EE75-4228-BF6C-29B1068A5CB4}" srcOrd="4" destOrd="0" presId="urn:microsoft.com/office/officeart/2005/8/layout/vProcess5"/>
    <dgm:cxn modelId="{BD413DB2-20C7-4E84-AD7B-635ADFFA734F}" type="presParOf" srcId="{86DA7C6B-1AB8-46D5-8763-982DC3FCA236}" destId="{C09AE332-1088-4314-A41C-6D8612E9BE59}" srcOrd="5" destOrd="0" presId="urn:microsoft.com/office/officeart/2005/8/layout/v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B7ADE8A2-9EFE-4B2D-BD90-786ADE0ECD84}" type="doc">
      <dgm:prSet loTypeId="urn:microsoft.com/office/officeart/2005/8/layout/chevron1" loCatId="process" qsTypeId="urn:microsoft.com/office/officeart/2005/8/quickstyle/simple1" qsCatId="simple" csTypeId="urn:microsoft.com/office/officeart/2005/8/colors/accent1_2" csCatId="accent1" phldr="1"/>
      <dgm:spPr/>
    </dgm:pt>
    <dgm:pt modelId="{1595E053-4518-41CA-995A-CA4F8AF20DA0}">
      <dgm:prSet phldrT="[Tekst]" custT="1"/>
      <dgm:spPr/>
      <dgm:t>
        <a:bodyPr/>
        <a:lstStyle/>
        <a:p>
          <a:r>
            <a:rPr lang="da-DK" sz="1400" b="1" dirty="0"/>
            <a:t>Maj</a:t>
          </a:r>
        </a:p>
        <a:p>
          <a:r>
            <a:rPr lang="da-DK" sz="1000" dirty="0"/>
            <a:t>Skabelon  sendes ud</a:t>
          </a:r>
        </a:p>
        <a:p>
          <a:r>
            <a:rPr lang="da-DK" sz="1000" dirty="0"/>
            <a:t>Deadline for skabelon</a:t>
          </a:r>
        </a:p>
      </dgm:t>
    </dgm:pt>
    <dgm:pt modelId="{81D05AC7-6092-40A7-993F-57B948CC7A58}" type="parTrans" cxnId="{6F0630E0-079E-4EDC-BEA2-89D12A8BB484}">
      <dgm:prSet/>
      <dgm:spPr/>
      <dgm:t>
        <a:bodyPr/>
        <a:lstStyle/>
        <a:p>
          <a:endParaRPr lang="da-DK"/>
        </a:p>
      </dgm:t>
    </dgm:pt>
    <dgm:pt modelId="{64DFD947-7503-4760-92C6-D02C140DEAD9}" type="sibTrans" cxnId="{6F0630E0-079E-4EDC-BEA2-89D12A8BB484}">
      <dgm:prSet/>
      <dgm:spPr/>
      <dgm:t>
        <a:bodyPr/>
        <a:lstStyle/>
        <a:p>
          <a:endParaRPr lang="da-DK"/>
        </a:p>
      </dgm:t>
    </dgm:pt>
    <dgm:pt modelId="{7D164B7C-EC0D-4D3D-9F1C-E46FC6A0EC2B}">
      <dgm:prSet phldrT="[Tekst]" custT="1"/>
      <dgm:spPr/>
      <dgm:t>
        <a:bodyPr/>
        <a:lstStyle/>
        <a:p>
          <a:r>
            <a:rPr lang="da-DK" sz="1400" b="1" dirty="0"/>
            <a:t>Juni</a:t>
          </a:r>
        </a:p>
        <a:p>
          <a:r>
            <a:rPr lang="da-DK" sz="1000" dirty="0"/>
            <a:t>Fakulteter indsender bemærkninger</a:t>
          </a:r>
        </a:p>
        <a:p>
          <a:r>
            <a:rPr lang="da-DK" sz="1000" dirty="0"/>
            <a:t>FA modtager bemærkninger</a:t>
          </a:r>
        </a:p>
        <a:p>
          <a:r>
            <a:rPr lang="da-DK" sz="1000" dirty="0"/>
            <a:t>Bilaterale møder FAK</a:t>
          </a:r>
        </a:p>
      </dgm:t>
    </dgm:pt>
    <dgm:pt modelId="{F88FA013-5FDC-4116-8F18-18572E7C9C17}" type="parTrans" cxnId="{A4AC2C64-5D1F-4ED9-9813-820945BBC61D}">
      <dgm:prSet/>
      <dgm:spPr/>
      <dgm:t>
        <a:bodyPr/>
        <a:lstStyle/>
        <a:p>
          <a:endParaRPr lang="da-DK"/>
        </a:p>
      </dgm:t>
    </dgm:pt>
    <dgm:pt modelId="{5F45A5EB-AD5E-433B-9296-4015FCB83F90}" type="sibTrans" cxnId="{A4AC2C64-5D1F-4ED9-9813-820945BBC61D}">
      <dgm:prSet/>
      <dgm:spPr/>
      <dgm:t>
        <a:bodyPr/>
        <a:lstStyle/>
        <a:p>
          <a:endParaRPr lang="da-DK"/>
        </a:p>
      </dgm:t>
    </dgm:pt>
    <dgm:pt modelId="{124422DE-248F-4DCE-8DDB-66E80795976C}">
      <dgm:prSet phldrT="[Tekst]" custT="1"/>
      <dgm:spPr/>
      <dgm:t>
        <a:bodyPr/>
        <a:lstStyle/>
        <a:p>
          <a:endParaRPr lang="da-DK" sz="1400" b="1" dirty="0"/>
        </a:p>
        <a:p>
          <a:endParaRPr lang="da-DK" sz="1400" b="1" dirty="0"/>
        </a:p>
        <a:p>
          <a:r>
            <a:rPr lang="da-DK" sz="1400" b="1" dirty="0"/>
            <a:t>August</a:t>
          </a:r>
        </a:p>
        <a:p>
          <a:r>
            <a:rPr lang="da-DK" sz="1000" b="0" dirty="0"/>
            <a:t>Bilaterale samtaler</a:t>
          </a:r>
        </a:p>
        <a:p>
          <a:r>
            <a:rPr lang="da-DK" sz="1000" b="0" dirty="0"/>
            <a:t>Fællesmøde FA</a:t>
          </a:r>
        </a:p>
        <a:p>
          <a:endParaRPr lang="da-DK" sz="1000" b="0" dirty="0"/>
        </a:p>
        <a:p>
          <a:endParaRPr lang="da-DK" sz="1400" b="1" dirty="0"/>
        </a:p>
        <a:p>
          <a:endParaRPr lang="da-DK" sz="1400" dirty="0"/>
        </a:p>
      </dgm:t>
    </dgm:pt>
    <dgm:pt modelId="{8ABBD154-53A3-4213-8EC9-3831DC3C49F5}" type="parTrans" cxnId="{BA5532AC-4401-4B8B-9E32-82736DF75B48}">
      <dgm:prSet/>
      <dgm:spPr/>
      <dgm:t>
        <a:bodyPr/>
        <a:lstStyle/>
        <a:p>
          <a:endParaRPr lang="da-DK"/>
        </a:p>
      </dgm:t>
    </dgm:pt>
    <dgm:pt modelId="{77E1FA02-CF40-46CB-B427-583574B6928F}" type="sibTrans" cxnId="{BA5532AC-4401-4B8B-9E32-82736DF75B48}">
      <dgm:prSet/>
      <dgm:spPr/>
      <dgm:t>
        <a:bodyPr/>
        <a:lstStyle/>
        <a:p>
          <a:endParaRPr lang="da-DK"/>
        </a:p>
      </dgm:t>
    </dgm:pt>
    <dgm:pt modelId="{90866F73-6F4E-4039-B03F-3D529AC3FAA9}">
      <dgm:prSet custT="1"/>
      <dgm:spPr/>
      <dgm:t>
        <a:bodyPr/>
        <a:lstStyle/>
        <a:p>
          <a:r>
            <a:rPr lang="da-DK" sz="1400" b="1" dirty="0"/>
            <a:t>September</a:t>
          </a:r>
        </a:p>
        <a:p>
          <a:r>
            <a:rPr lang="da-DK" sz="1000" b="0" dirty="0"/>
            <a:t>Opsamling på Uddannelses kvalitet i UR</a:t>
          </a:r>
        </a:p>
        <a:p>
          <a:endParaRPr lang="da-DK" sz="1000" b="0" dirty="0"/>
        </a:p>
      </dgm:t>
    </dgm:pt>
    <dgm:pt modelId="{2C619AF9-D7D3-44FC-806C-D63EF3F523B2}" type="parTrans" cxnId="{83A2EB9D-73B5-4040-8956-E1B6B2E472EC}">
      <dgm:prSet/>
      <dgm:spPr/>
      <dgm:t>
        <a:bodyPr/>
        <a:lstStyle/>
        <a:p>
          <a:endParaRPr lang="da-DK"/>
        </a:p>
      </dgm:t>
    </dgm:pt>
    <dgm:pt modelId="{F6E7CFCB-B64F-458D-9B2D-50A76C5DD7EC}" type="sibTrans" cxnId="{83A2EB9D-73B5-4040-8956-E1B6B2E472EC}">
      <dgm:prSet/>
      <dgm:spPr/>
      <dgm:t>
        <a:bodyPr/>
        <a:lstStyle/>
        <a:p>
          <a:endParaRPr lang="da-DK"/>
        </a:p>
      </dgm:t>
    </dgm:pt>
    <dgm:pt modelId="{62536CB6-03A1-44C8-B375-95EA30F3C8F1}">
      <dgm:prSet custT="1"/>
      <dgm:spPr/>
      <dgm:t>
        <a:bodyPr/>
        <a:lstStyle/>
        <a:p>
          <a:r>
            <a:rPr lang="da-DK" sz="1400" b="1" dirty="0"/>
            <a:t>Juli</a:t>
          </a:r>
        </a:p>
        <a:p>
          <a:r>
            <a:rPr lang="da-DK" sz="1000" b="0" dirty="0"/>
            <a:t>Bilaterale samtaler områdechefer</a:t>
          </a:r>
        </a:p>
      </dgm:t>
    </dgm:pt>
    <dgm:pt modelId="{CC87D660-AB52-4942-9FC0-58A55098573D}" type="parTrans" cxnId="{51B27F10-CE65-4D4D-9143-D8D670521A0D}">
      <dgm:prSet/>
      <dgm:spPr/>
      <dgm:t>
        <a:bodyPr/>
        <a:lstStyle/>
        <a:p>
          <a:endParaRPr lang="da-DK"/>
        </a:p>
      </dgm:t>
    </dgm:pt>
    <dgm:pt modelId="{136A3802-B38A-4427-9AFC-1EEAE1C82300}" type="sibTrans" cxnId="{51B27F10-CE65-4D4D-9143-D8D670521A0D}">
      <dgm:prSet/>
      <dgm:spPr/>
      <dgm:t>
        <a:bodyPr/>
        <a:lstStyle/>
        <a:p>
          <a:endParaRPr lang="da-DK"/>
        </a:p>
      </dgm:t>
    </dgm:pt>
    <dgm:pt modelId="{712CCEFC-4204-4E0E-BDA7-237B408A5208}" type="pres">
      <dgm:prSet presAssocID="{B7ADE8A2-9EFE-4B2D-BD90-786ADE0ECD84}" presName="Name0" presStyleCnt="0">
        <dgm:presLayoutVars>
          <dgm:dir/>
          <dgm:animLvl val="lvl"/>
          <dgm:resizeHandles val="exact"/>
        </dgm:presLayoutVars>
      </dgm:prSet>
      <dgm:spPr/>
    </dgm:pt>
    <dgm:pt modelId="{2556F3A9-478D-4A6C-9A80-5AFB3A0C3C9B}" type="pres">
      <dgm:prSet presAssocID="{1595E053-4518-41CA-995A-CA4F8AF20DA0}" presName="parTxOnly" presStyleLbl="node1" presStyleIdx="0" presStyleCnt="5">
        <dgm:presLayoutVars>
          <dgm:chMax val="0"/>
          <dgm:chPref val="0"/>
          <dgm:bulletEnabled val="1"/>
        </dgm:presLayoutVars>
      </dgm:prSet>
      <dgm:spPr/>
    </dgm:pt>
    <dgm:pt modelId="{0C7DA2DD-CB02-45DB-9B1F-16249995C7AD}" type="pres">
      <dgm:prSet presAssocID="{64DFD947-7503-4760-92C6-D02C140DEAD9}" presName="parTxOnlySpace" presStyleCnt="0"/>
      <dgm:spPr/>
    </dgm:pt>
    <dgm:pt modelId="{1340D226-5862-4992-AF1B-EB4C851244C6}" type="pres">
      <dgm:prSet presAssocID="{7D164B7C-EC0D-4D3D-9F1C-E46FC6A0EC2B}" presName="parTxOnly" presStyleLbl="node1" presStyleIdx="1" presStyleCnt="5">
        <dgm:presLayoutVars>
          <dgm:chMax val="0"/>
          <dgm:chPref val="0"/>
          <dgm:bulletEnabled val="1"/>
        </dgm:presLayoutVars>
      </dgm:prSet>
      <dgm:spPr/>
    </dgm:pt>
    <dgm:pt modelId="{CA1BE35F-F6C1-475C-8FC5-E7AC14742339}" type="pres">
      <dgm:prSet presAssocID="{5F45A5EB-AD5E-433B-9296-4015FCB83F90}" presName="parTxOnlySpace" presStyleCnt="0"/>
      <dgm:spPr/>
    </dgm:pt>
    <dgm:pt modelId="{BC24D3BA-DC01-41F3-A013-C693AD0C21CE}" type="pres">
      <dgm:prSet presAssocID="{62536CB6-03A1-44C8-B375-95EA30F3C8F1}" presName="parTxOnly" presStyleLbl="node1" presStyleIdx="2" presStyleCnt="5">
        <dgm:presLayoutVars>
          <dgm:chMax val="0"/>
          <dgm:chPref val="0"/>
          <dgm:bulletEnabled val="1"/>
        </dgm:presLayoutVars>
      </dgm:prSet>
      <dgm:spPr/>
    </dgm:pt>
    <dgm:pt modelId="{67A4C159-BD87-4B49-9DBD-23FA80B0CB5F}" type="pres">
      <dgm:prSet presAssocID="{136A3802-B38A-4427-9AFC-1EEAE1C82300}" presName="parTxOnlySpace" presStyleCnt="0"/>
      <dgm:spPr/>
    </dgm:pt>
    <dgm:pt modelId="{D1B054DB-CBB8-4762-BC74-3D67EAB3B266}" type="pres">
      <dgm:prSet presAssocID="{124422DE-248F-4DCE-8DDB-66E80795976C}" presName="parTxOnly" presStyleLbl="node1" presStyleIdx="3" presStyleCnt="5">
        <dgm:presLayoutVars>
          <dgm:chMax val="0"/>
          <dgm:chPref val="0"/>
          <dgm:bulletEnabled val="1"/>
        </dgm:presLayoutVars>
      </dgm:prSet>
      <dgm:spPr/>
    </dgm:pt>
    <dgm:pt modelId="{55E4CE90-7749-461A-B0A3-1837342E393A}" type="pres">
      <dgm:prSet presAssocID="{77E1FA02-CF40-46CB-B427-583574B6928F}" presName="parTxOnlySpace" presStyleCnt="0"/>
      <dgm:spPr/>
    </dgm:pt>
    <dgm:pt modelId="{944EFEE4-4BB9-4CFB-A697-C80AA69F26C1}" type="pres">
      <dgm:prSet presAssocID="{90866F73-6F4E-4039-B03F-3D529AC3FAA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34E2F501-9AA8-49B0-8699-93FED926F09B}" type="presOf" srcId="{1595E053-4518-41CA-995A-CA4F8AF20DA0}" destId="{2556F3A9-478D-4A6C-9A80-5AFB3A0C3C9B}" srcOrd="0" destOrd="0" presId="urn:microsoft.com/office/officeart/2005/8/layout/chevron1"/>
    <dgm:cxn modelId="{E8CE4105-19AE-4570-A524-FC1E63EBABCB}" type="presOf" srcId="{62536CB6-03A1-44C8-B375-95EA30F3C8F1}" destId="{BC24D3BA-DC01-41F3-A013-C693AD0C21CE}" srcOrd="0" destOrd="0" presId="urn:microsoft.com/office/officeart/2005/8/layout/chevron1"/>
    <dgm:cxn modelId="{51B27F10-CE65-4D4D-9143-D8D670521A0D}" srcId="{B7ADE8A2-9EFE-4B2D-BD90-786ADE0ECD84}" destId="{62536CB6-03A1-44C8-B375-95EA30F3C8F1}" srcOrd="2" destOrd="0" parTransId="{CC87D660-AB52-4942-9FC0-58A55098573D}" sibTransId="{136A3802-B38A-4427-9AFC-1EEAE1C82300}"/>
    <dgm:cxn modelId="{A4AC2C64-5D1F-4ED9-9813-820945BBC61D}" srcId="{B7ADE8A2-9EFE-4B2D-BD90-786ADE0ECD84}" destId="{7D164B7C-EC0D-4D3D-9F1C-E46FC6A0EC2B}" srcOrd="1" destOrd="0" parTransId="{F88FA013-5FDC-4116-8F18-18572E7C9C17}" sibTransId="{5F45A5EB-AD5E-433B-9296-4015FCB83F90}"/>
    <dgm:cxn modelId="{83A2EB9D-73B5-4040-8956-E1B6B2E472EC}" srcId="{B7ADE8A2-9EFE-4B2D-BD90-786ADE0ECD84}" destId="{90866F73-6F4E-4039-B03F-3D529AC3FAA9}" srcOrd="4" destOrd="0" parTransId="{2C619AF9-D7D3-44FC-806C-D63EF3F523B2}" sibTransId="{F6E7CFCB-B64F-458D-9B2D-50A76C5DD7EC}"/>
    <dgm:cxn modelId="{7B9C9CA9-0365-4D5F-A8F0-D3E907C1AE4C}" type="presOf" srcId="{7D164B7C-EC0D-4D3D-9F1C-E46FC6A0EC2B}" destId="{1340D226-5862-4992-AF1B-EB4C851244C6}" srcOrd="0" destOrd="0" presId="urn:microsoft.com/office/officeart/2005/8/layout/chevron1"/>
    <dgm:cxn modelId="{BA5532AC-4401-4B8B-9E32-82736DF75B48}" srcId="{B7ADE8A2-9EFE-4B2D-BD90-786ADE0ECD84}" destId="{124422DE-248F-4DCE-8DDB-66E80795976C}" srcOrd="3" destOrd="0" parTransId="{8ABBD154-53A3-4213-8EC9-3831DC3C49F5}" sibTransId="{77E1FA02-CF40-46CB-B427-583574B6928F}"/>
    <dgm:cxn modelId="{19B43BD7-4AEA-407E-A0A8-9D545F0C723C}" type="presOf" srcId="{124422DE-248F-4DCE-8DDB-66E80795976C}" destId="{D1B054DB-CBB8-4762-BC74-3D67EAB3B266}" srcOrd="0" destOrd="0" presId="urn:microsoft.com/office/officeart/2005/8/layout/chevron1"/>
    <dgm:cxn modelId="{6F0630E0-079E-4EDC-BEA2-89D12A8BB484}" srcId="{B7ADE8A2-9EFE-4B2D-BD90-786ADE0ECD84}" destId="{1595E053-4518-41CA-995A-CA4F8AF20DA0}" srcOrd="0" destOrd="0" parTransId="{81D05AC7-6092-40A7-993F-57B948CC7A58}" sibTransId="{64DFD947-7503-4760-92C6-D02C140DEAD9}"/>
    <dgm:cxn modelId="{3C4E62F1-FC3D-4AC2-9875-1863EDC641F5}" type="presOf" srcId="{B7ADE8A2-9EFE-4B2D-BD90-786ADE0ECD84}" destId="{712CCEFC-4204-4E0E-BDA7-237B408A5208}" srcOrd="0" destOrd="0" presId="urn:microsoft.com/office/officeart/2005/8/layout/chevron1"/>
    <dgm:cxn modelId="{07FC02F5-8335-401B-AB9E-401F270609EF}" type="presOf" srcId="{90866F73-6F4E-4039-B03F-3D529AC3FAA9}" destId="{944EFEE4-4BB9-4CFB-A697-C80AA69F26C1}" srcOrd="0" destOrd="0" presId="urn:microsoft.com/office/officeart/2005/8/layout/chevron1"/>
    <dgm:cxn modelId="{08A3A14E-A92F-4AB1-BE84-DBB17C231C22}" type="presParOf" srcId="{712CCEFC-4204-4E0E-BDA7-237B408A5208}" destId="{2556F3A9-478D-4A6C-9A80-5AFB3A0C3C9B}" srcOrd="0" destOrd="0" presId="urn:microsoft.com/office/officeart/2005/8/layout/chevron1"/>
    <dgm:cxn modelId="{9493BC33-86B4-4116-84D7-99BBD1FACBE3}" type="presParOf" srcId="{712CCEFC-4204-4E0E-BDA7-237B408A5208}" destId="{0C7DA2DD-CB02-45DB-9B1F-16249995C7AD}" srcOrd="1" destOrd="0" presId="urn:microsoft.com/office/officeart/2005/8/layout/chevron1"/>
    <dgm:cxn modelId="{903F0FEA-234A-47F9-9921-C6AD0688D89C}" type="presParOf" srcId="{712CCEFC-4204-4E0E-BDA7-237B408A5208}" destId="{1340D226-5862-4992-AF1B-EB4C851244C6}" srcOrd="2" destOrd="0" presId="urn:microsoft.com/office/officeart/2005/8/layout/chevron1"/>
    <dgm:cxn modelId="{0C81416C-0986-4D20-9541-5A047041C57C}" type="presParOf" srcId="{712CCEFC-4204-4E0E-BDA7-237B408A5208}" destId="{CA1BE35F-F6C1-475C-8FC5-E7AC14742339}" srcOrd="3" destOrd="0" presId="urn:microsoft.com/office/officeart/2005/8/layout/chevron1"/>
    <dgm:cxn modelId="{1ED08090-F895-464E-9E7C-C5250AA281D6}" type="presParOf" srcId="{712CCEFC-4204-4E0E-BDA7-237B408A5208}" destId="{BC24D3BA-DC01-41F3-A013-C693AD0C21CE}" srcOrd="4" destOrd="0" presId="urn:microsoft.com/office/officeart/2005/8/layout/chevron1"/>
    <dgm:cxn modelId="{B5A5C51B-94A9-4897-8C64-4C44CBDD1C01}" type="presParOf" srcId="{712CCEFC-4204-4E0E-BDA7-237B408A5208}" destId="{67A4C159-BD87-4B49-9DBD-23FA80B0CB5F}" srcOrd="5" destOrd="0" presId="urn:microsoft.com/office/officeart/2005/8/layout/chevron1"/>
    <dgm:cxn modelId="{771F5290-DE79-482F-894B-088C7B2F334A}" type="presParOf" srcId="{712CCEFC-4204-4E0E-BDA7-237B408A5208}" destId="{D1B054DB-CBB8-4762-BC74-3D67EAB3B266}" srcOrd="6" destOrd="0" presId="urn:microsoft.com/office/officeart/2005/8/layout/chevron1"/>
    <dgm:cxn modelId="{003F168A-0F1E-489A-98BC-C214FC22EF87}" type="presParOf" srcId="{712CCEFC-4204-4E0E-BDA7-237B408A5208}" destId="{55E4CE90-7749-461A-B0A3-1837342E393A}" srcOrd="7" destOrd="0" presId="urn:microsoft.com/office/officeart/2005/8/layout/chevron1"/>
    <dgm:cxn modelId="{0A3028C0-B2E7-45E0-9954-B95667FF13B8}" type="presParOf" srcId="{712CCEFC-4204-4E0E-BDA7-237B408A5208}" destId="{944EFEE4-4BB9-4CFB-A697-C80AA69F26C1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DE57545-554B-41F0-A86A-6CE46783FA11}">
      <dsp:nvSpPr>
        <dsp:cNvPr id="0" name=""/>
        <dsp:cNvSpPr/>
      </dsp:nvSpPr>
      <dsp:spPr>
        <a:xfrm>
          <a:off x="2819837" y="143427"/>
          <a:ext cx="2635915" cy="57860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b="1" kern="1200"/>
            <a:t>SDU Uddannelse</a:t>
          </a:r>
        </a:p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b="1" kern="1200"/>
            <a:t>Stinne Hørup Hansen</a:t>
          </a:r>
        </a:p>
      </dsp:txBody>
      <dsp:txXfrm>
        <a:off x="2836784" y="160374"/>
        <a:ext cx="2602021" cy="544708"/>
      </dsp:txXfrm>
    </dsp:sp>
    <dsp:sp modelId="{DEC9E765-F7A3-4E35-9BFD-6D5BBA9F3501}">
      <dsp:nvSpPr>
        <dsp:cNvPr id="0" name=""/>
        <dsp:cNvSpPr/>
      </dsp:nvSpPr>
      <dsp:spPr>
        <a:xfrm>
          <a:off x="4092075" y="722030"/>
          <a:ext cx="91440" cy="405830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405830"/>
              </a:lnTo>
            </a:path>
          </a:pathLst>
        </a:custGeom>
        <a:noFill/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BC074C45-14B0-4AD0-8F18-462525F69648}">
      <dsp:nvSpPr>
        <dsp:cNvPr id="0" name=""/>
        <dsp:cNvSpPr/>
      </dsp:nvSpPr>
      <dsp:spPr>
        <a:xfrm>
          <a:off x="2962733" y="1127860"/>
          <a:ext cx="2350124" cy="512898"/>
        </a:xfrm>
        <a:prstGeom prst="roundRect">
          <a:avLst>
            <a:gd name="adj" fmla="val 1000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b="1" kern="1200"/>
            <a:t>Uddannelsesstrategi</a:t>
          </a:r>
        </a:p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b="1" kern="1200"/>
            <a:t>Christian Grud</a:t>
          </a:r>
        </a:p>
      </dsp:txBody>
      <dsp:txXfrm>
        <a:off x="2977755" y="1142882"/>
        <a:ext cx="2320080" cy="482854"/>
      </dsp:txXfrm>
    </dsp:sp>
    <dsp:sp modelId="{C6A24C41-E736-438B-B39F-8BD47AB0DC04}">
      <dsp:nvSpPr>
        <dsp:cNvPr id="0" name=""/>
        <dsp:cNvSpPr/>
      </dsp:nvSpPr>
      <dsp:spPr>
        <a:xfrm>
          <a:off x="1399188" y="1640759"/>
          <a:ext cx="2738607" cy="405830"/>
        </a:xfrm>
        <a:custGeom>
          <a:avLst/>
          <a:gdLst/>
          <a:ahLst/>
          <a:cxnLst/>
          <a:rect l="0" t="0" r="0" b="0"/>
          <a:pathLst>
            <a:path>
              <a:moveTo>
                <a:pt x="2738607" y="0"/>
              </a:moveTo>
              <a:lnTo>
                <a:pt x="2738607" y="202915"/>
              </a:lnTo>
              <a:lnTo>
                <a:pt x="0" y="202915"/>
              </a:lnTo>
              <a:lnTo>
                <a:pt x="0" y="405830"/>
              </a:lnTo>
            </a:path>
          </a:pathLst>
        </a:custGeom>
        <a:noFill/>
        <a:ln w="127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C3D75626-FE5F-4EAB-8A3B-26B038146F0F}">
      <dsp:nvSpPr>
        <dsp:cNvPr id="0" name=""/>
        <dsp:cNvSpPr/>
      </dsp:nvSpPr>
      <dsp:spPr>
        <a:xfrm>
          <a:off x="585447" y="2046590"/>
          <a:ext cx="1627482" cy="740295"/>
        </a:xfrm>
        <a:prstGeom prst="roundRect">
          <a:avLst>
            <a:gd name="adj" fmla="val 1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/>
            <a:t>Strategi og Kvalitet</a:t>
          </a:r>
        </a:p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/>
            <a:t>Christian Grud</a:t>
          </a:r>
        </a:p>
      </dsp:txBody>
      <dsp:txXfrm>
        <a:off x="607130" y="2068273"/>
        <a:ext cx="1584116" cy="696929"/>
      </dsp:txXfrm>
    </dsp:sp>
    <dsp:sp modelId="{0A288A4A-F3EF-4576-ABD2-C33DBD91DF9F}">
      <dsp:nvSpPr>
        <dsp:cNvPr id="0" name=""/>
        <dsp:cNvSpPr/>
      </dsp:nvSpPr>
      <dsp:spPr>
        <a:xfrm>
          <a:off x="1353468" y="2786885"/>
          <a:ext cx="91440" cy="405830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405830"/>
              </a:lnTo>
            </a:path>
          </a:pathLst>
        </a:custGeom>
        <a:noFill/>
        <a:ln w="12700" cap="flat" cmpd="sng" algn="ctr">
          <a:solidFill>
            <a:schemeClr val="accent4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AEAE0100-8DEC-4FA9-AD69-87768BB5EFF8}">
      <dsp:nvSpPr>
        <dsp:cNvPr id="0" name=""/>
        <dsp:cNvSpPr/>
      </dsp:nvSpPr>
      <dsp:spPr>
        <a:xfrm>
          <a:off x="170335" y="3192716"/>
          <a:ext cx="2457705" cy="2305980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algn="ctr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r>
            <a:rPr lang="da-DK" sz="1000" kern="1200" dirty="0"/>
            <a:t>Caroline Schaffalitzky de Muckadell</a:t>
          </a:r>
        </a:p>
        <a:p>
          <a:pPr marL="0" marR="0" lvl="0" indent="0" algn="ctr" defTabSz="4445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000" kern="1200" dirty="0"/>
            <a:t>Thomas Rasmussen</a:t>
          </a:r>
        </a:p>
        <a:p>
          <a:pPr marL="0" marR="0" lvl="0" indent="0" algn="ctr" defTabSz="4445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000" kern="1200" dirty="0"/>
            <a:t>Kenneth Baadsgaard</a:t>
          </a:r>
        </a:p>
        <a:p>
          <a:pPr marL="0" lvl="0" algn="ctr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r>
            <a:rPr lang="da-DK" sz="1000" kern="1200" dirty="0"/>
            <a:t>Vikki Thygesen</a:t>
          </a:r>
        </a:p>
        <a:p>
          <a:pPr marL="0" marR="0" lvl="0" indent="0" algn="ctr" defTabSz="9144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000" kern="1200" dirty="0"/>
            <a:t>Pia Kjær</a:t>
          </a:r>
          <a:br>
            <a:rPr lang="da-DK" sz="1000" kern="1200" dirty="0"/>
          </a:br>
          <a:r>
            <a:rPr lang="da-DK" sz="1000" kern="1200" dirty="0"/>
            <a:t>Anne Sofie Lindegaard</a:t>
          </a:r>
        </a:p>
        <a:p>
          <a:pPr marL="0" lvl="0" algn="ctr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endParaRPr lang="da-DK" sz="1000" kern="1200" dirty="0"/>
        </a:p>
      </dsp:txBody>
      <dsp:txXfrm>
        <a:off x="237875" y="3260256"/>
        <a:ext cx="2322625" cy="2170900"/>
      </dsp:txXfrm>
    </dsp:sp>
    <dsp:sp modelId="{D29DC6C1-AC31-4477-BFF0-60DF4962BA05}">
      <dsp:nvSpPr>
        <dsp:cNvPr id="0" name=""/>
        <dsp:cNvSpPr/>
      </dsp:nvSpPr>
      <dsp:spPr>
        <a:xfrm>
          <a:off x="4092075" y="1640759"/>
          <a:ext cx="91440" cy="405830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202915"/>
              </a:lnTo>
              <a:lnTo>
                <a:pt x="95952" y="202915"/>
              </a:lnTo>
              <a:lnTo>
                <a:pt x="95952" y="405830"/>
              </a:lnTo>
            </a:path>
          </a:pathLst>
        </a:custGeom>
        <a:noFill/>
        <a:ln w="127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E5BC3FA2-42ED-42B7-8A15-1D703A2E7A34}">
      <dsp:nvSpPr>
        <dsp:cNvPr id="0" name=""/>
        <dsp:cNvSpPr/>
      </dsp:nvSpPr>
      <dsp:spPr>
        <a:xfrm>
          <a:off x="3326675" y="2046590"/>
          <a:ext cx="1722705" cy="741026"/>
        </a:xfrm>
        <a:prstGeom prst="roundRect">
          <a:avLst>
            <a:gd name="adj" fmla="val 1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/>
            <a:t>Forretningsprocesser</a:t>
          </a:r>
        </a:p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/>
            <a:t>Maria Vonsild</a:t>
          </a:r>
        </a:p>
      </dsp:txBody>
      <dsp:txXfrm>
        <a:off x="3348379" y="2068294"/>
        <a:ext cx="1679297" cy="697618"/>
      </dsp:txXfrm>
    </dsp:sp>
    <dsp:sp modelId="{78E34BC9-93A4-4B9F-B5DB-F0EE46DC636F}">
      <dsp:nvSpPr>
        <dsp:cNvPr id="0" name=""/>
        <dsp:cNvSpPr/>
      </dsp:nvSpPr>
      <dsp:spPr>
        <a:xfrm>
          <a:off x="4142308" y="2787616"/>
          <a:ext cx="91440" cy="405830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405830"/>
              </a:lnTo>
            </a:path>
          </a:pathLst>
        </a:custGeom>
        <a:noFill/>
        <a:ln w="12700" cap="flat" cmpd="sng" algn="ctr">
          <a:solidFill>
            <a:schemeClr val="accent4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63EC57E-B3C0-4C34-8773-B78D701C252E}">
      <dsp:nvSpPr>
        <dsp:cNvPr id="0" name=""/>
        <dsp:cNvSpPr/>
      </dsp:nvSpPr>
      <dsp:spPr>
        <a:xfrm>
          <a:off x="3084600" y="3193447"/>
          <a:ext cx="2206856" cy="1744391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 rtl="0">
            <a:lnSpc>
              <a:spcPct val="150000"/>
            </a:lnSpc>
            <a:spcBef>
              <a:spcPct val="0"/>
            </a:spcBef>
            <a:spcAft>
              <a:spcPts val="0"/>
            </a:spcAft>
            <a:buNone/>
          </a:pPr>
          <a:r>
            <a:rPr lang="da-DK" sz="1000" kern="1200"/>
            <a:t>Louise Ditte </a:t>
          </a:r>
          <a:r>
            <a:rPr lang="da-DK" sz="1000" kern="1200">
              <a:latin typeface="Arial"/>
            </a:rPr>
            <a:t>Jensen</a:t>
          </a:r>
          <a:br>
            <a:rPr lang="da-DK" sz="1000" kern="1200">
              <a:latin typeface="Arial"/>
            </a:rPr>
          </a:br>
          <a:r>
            <a:rPr lang="da-DK" sz="1000" kern="1200">
              <a:latin typeface="Arial"/>
            </a:rPr>
            <a:t>Selina</a:t>
          </a:r>
          <a:r>
            <a:rPr lang="da-DK" sz="1000" kern="1200"/>
            <a:t> Sara </a:t>
          </a:r>
          <a:r>
            <a:rPr lang="da-DK" sz="1000" kern="1200">
              <a:latin typeface="Arial"/>
            </a:rPr>
            <a:t>Bergstrøm</a:t>
          </a:r>
          <a:br>
            <a:rPr lang="da-DK" sz="1000" kern="1200">
              <a:latin typeface="Arial"/>
            </a:rPr>
          </a:br>
          <a:r>
            <a:rPr lang="da-DK" sz="1000" kern="1200">
              <a:latin typeface="Arial"/>
              <a:ea typeface="Calibri"/>
              <a:cs typeface="Arial"/>
            </a:rPr>
            <a:t>Tanja Søfeldt Jensen</a:t>
          </a:r>
          <a:br>
            <a:rPr lang="da-DK" sz="1000" kern="1200">
              <a:latin typeface="Arial"/>
              <a:ea typeface="Calibri"/>
              <a:cs typeface="Arial"/>
            </a:rPr>
          </a:br>
          <a:r>
            <a:rPr lang="da-DK" sz="1000" kern="1200">
              <a:latin typeface="Arial"/>
              <a:ea typeface="Calibri"/>
              <a:cs typeface="Arial"/>
            </a:rPr>
            <a:t>Emilie Lemming Nedergaard </a:t>
          </a:r>
        </a:p>
      </dsp:txBody>
      <dsp:txXfrm>
        <a:off x="3135691" y="3244538"/>
        <a:ext cx="2104674" cy="1642209"/>
      </dsp:txXfrm>
    </dsp:sp>
    <dsp:sp modelId="{5C4E1053-8316-4290-9E8D-D6045F22B741}">
      <dsp:nvSpPr>
        <dsp:cNvPr id="0" name=""/>
        <dsp:cNvSpPr/>
      </dsp:nvSpPr>
      <dsp:spPr>
        <a:xfrm>
          <a:off x="4137795" y="1640759"/>
          <a:ext cx="2713648" cy="405830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202915"/>
              </a:lnTo>
              <a:lnTo>
                <a:pt x="2713648" y="202915"/>
              </a:lnTo>
              <a:lnTo>
                <a:pt x="2713648" y="405830"/>
              </a:lnTo>
            </a:path>
          </a:pathLst>
        </a:custGeom>
        <a:noFill/>
        <a:ln w="127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BB3692E5-6975-442D-840A-516544C61489}">
      <dsp:nvSpPr>
        <dsp:cNvPr id="0" name=""/>
        <dsp:cNvSpPr/>
      </dsp:nvSpPr>
      <dsp:spPr>
        <a:xfrm>
          <a:off x="6012744" y="2046590"/>
          <a:ext cx="1677399" cy="739545"/>
        </a:xfrm>
        <a:prstGeom prst="roundRect">
          <a:avLst>
            <a:gd name="adj" fmla="val 1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/>
            <a:t>Sekretariatet </a:t>
          </a:r>
        </a:p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/>
            <a:t>Lisbeth Oksvang</a:t>
          </a:r>
        </a:p>
      </dsp:txBody>
      <dsp:txXfrm>
        <a:off x="6034405" y="2068251"/>
        <a:ext cx="1634077" cy="696223"/>
      </dsp:txXfrm>
    </dsp:sp>
    <dsp:sp modelId="{3C3AB5C4-B7A5-421E-8A2F-401395BE2DDD}">
      <dsp:nvSpPr>
        <dsp:cNvPr id="0" name=""/>
        <dsp:cNvSpPr/>
      </dsp:nvSpPr>
      <dsp:spPr>
        <a:xfrm>
          <a:off x="6805723" y="2786135"/>
          <a:ext cx="91440" cy="405830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405830"/>
              </a:lnTo>
            </a:path>
          </a:pathLst>
        </a:custGeom>
        <a:noFill/>
        <a:ln w="12700" cap="flat" cmpd="sng" algn="ctr">
          <a:solidFill>
            <a:schemeClr val="accent4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F5418DCF-266A-445B-82F4-3C29DFC053DF}">
      <dsp:nvSpPr>
        <dsp:cNvPr id="0" name=""/>
        <dsp:cNvSpPr/>
      </dsp:nvSpPr>
      <dsp:spPr>
        <a:xfrm>
          <a:off x="5748015" y="3191965"/>
          <a:ext cx="2206856" cy="917938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150000"/>
            </a:lnSpc>
            <a:spcBef>
              <a:spcPct val="0"/>
            </a:spcBef>
            <a:spcAft>
              <a:spcPts val="0"/>
            </a:spcAft>
            <a:buNone/>
          </a:pPr>
          <a:r>
            <a:rPr lang="da-DK" sz="1000" kern="1200" dirty="0"/>
            <a:t>Simone Andersen</a:t>
          </a:r>
        </a:p>
        <a:p>
          <a:pPr marL="0" lvl="0" indent="0" algn="ctr" defTabSz="444500">
            <a:lnSpc>
              <a:spcPct val="150000"/>
            </a:lnSpc>
            <a:spcBef>
              <a:spcPct val="0"/>
            </a:spcBef>
            <a:spcAft>
              <a:spcPts val="0"/>
            </a:spcAft>
            <a:buNone/>
          </a:pPr>
          <a:r>
            <a:rPr lang="da-DK" sz="1000" kern="1200"/>
            <a:t>Stine Eg Brodersen</a:t>
          </a:r>
        </a:p>
        <a:p>
          <a:pPr marL="0" lvl="0" indent="0" algn="ctr" defTabSz="444500">
            <a:lnSpc>
              <a:spcPct val="150000"/>
            </a:lnSpc>
            <a:spcBef>
              <a:spcPct val="0"/>
            </a:spcBef>
            <a:spcAft>
              <a:spcPts val="0"/>
            </a:spcAft>
            <a:buNone/>
          </a:pPr>
          <a:r>
            <a:rPr lang="da-DK" sz="1000" kern="1200" dirty="0"/>
            <a:t>Sohair S. Shatila</a:t>
          </a:r>
        </a:p>
      </dsp:txBody>
      <dsp:txXfrm>
        <a:off x="5774900" y="3218850"/>
        <a:ext cx="2153086" cy="864168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8E3D92B-F6ED-4BA5-AED0-19741F9F89AA}">
      <dsp:nvSpPr>
        <dsp:cNvPr id="0" name=""/>
        <dsp:cNvSpPr/>
      </dsp:nvSpPr>
      <dsp:spPr>
        <a:xfrm>
          <a:off x="2912061" y="317121"/>
          <a:ext cx="2301084" cy="1534056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Strategi og Kvalitet</a:t>
          </a:r>
        </a:p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Christian Grud</a:t>
          </a:r>
        </a:p>
      </dsp:txBody>
      <dsp:txXfrm>
        <a:off x="2956992" y="362052"/>
        <a:ext cx="2211222" cy="1444194"/>
      </dsp:txXfrm>
    </dsp:sp>
    <dsp:sp modelId="{0A288A4A-F3EF-4576-ABD2-C33DBD91DF9F}">
      <dsp:nvSpPr>
        <dsp:cNvPr id="0" name=""/>
        <dsp:cNvSpPr/>
      </dsp:nvSpPr>
      <dsp:spPr>
        <a:xfrm>
          <a:off x="4016883" y="1851177"/>
          <a:ext cx="91440" cy="285825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285825"/>
              </a:lnTo>
            </a:path>
          </a:pathLst>
        </a:custGeom>
        <a:noFill/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AEAE0100-8DEC-4FA9-AD69-87768BB5EFF8}">
      <dsp:nvSpPr>
        <dsp:cNvPr id="0" name=""/>
        <dsp:cNvSpPr/>
      </dsp:nvSpPr>
      <dsp:spPr>
        <a:xfrm>
          <a:off x="2204558" y="2137003"/>
          <a:ext cx="3716090" cy="3486679"/>
        </a:xfrm>
        <a:prstGeom prst="roundRect">
          <a:avLst>
            <a:gd name="adj" fmla="val 1000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algn="ctr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r>
            <a:rPr lang="da-DK" sz="1600" kern="1200" dirty="0"/>
            <a:t>Caroline Schaffalitzky de Muckadell</a:t>
          </a:r>
        </a:p>
        <a:p>
          <a:pPr marL="0" marR="0" lvl="0" indent="0" algn="ctr" defTabSz="4445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600" kern="1200" dirty="0"/>
            <a:t>Thomas Rasmussen</a:t>
          </a:r>
        </a:p>
        <a:p>
          <a:pPr marL="0" marR="0" lvl="0" indent="0" algn="ctr" defTabSz="4445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600" kern="1200" dirty="0"/>
            <a:t>Kenneth Baadsgaard</a:t>
          </a:r>
        </a:p>
        <a:p>
          <a:pPr marL="0" lvl="0" algn="ctr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r>
            <a:rPr lang="da-DK" sz="1600" kern="1200" dirty="0"/>
            <a:t>Vikki Thygesen</a:t>
          </a:r>
        </a:p>
        <a:p>
          <a:pPr marL="0" marR="0" lvl="0" indent="0" algn="ctr" defTabSz="914400" eaLnBrk="1" fontAlgn="auto" latinLnBrk="0" hangingPunct="1">
            <a:lnSpc>
              <a:spcPct val="15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1600" kern="1200" dirty="0"/>
            <a:t>Pia Kjær</a:t>
          </a:r>
          <a:br>
            <a:rPr lang="da-DK" sz="1600" kern="1200" dirty="0"/>
          </a:br>
          <a:r>
            <a:rPr lang="da-DK" sz="1600" kern="1200" dirty="0"/>
            <a:t>Anne Sofie Lindegaard</a:t>
          </a:r>
        </a:p>
        <a:p>
          <a:pPr marL="0" lvl="0" algn="ctr" defTabSz="444500">
            <a:lnSpc>
              <a:spcPct val="150000"/>
            </a:lnSpc>
            <a:spcBef>
              <a:spcPts val="0"/>
            </a:spcBef>
            <a:spcAft>
              <a:spcPts val="0"/>
            </a:spcAft>
            <a:buNone/>
          </a:pPr>
          <a:endParaRPr lang="da-DK" sz="1000" kern="1200" dirty="0"/>
        </a:p>
      </dsp:txBody>
      <dsp:txXfrm>
        <a:off x="2306679" y="2239124"/>
        <a:ext cx="3511848" cy="3282437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2422892-28B2-4128-8249-CC5406640993}">
      <dsp:nvSpPr>
        <dsp:cNvPr id="0" name=""/>
        <dsp:cNvSpPr/>
      </dsp:nvSpPr>
      <dsp:spPr>
        <a:xfrm>
          <a:off x="0" y="0"/>
          <a:ext cx="9317051" cy="1739007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60020" tIns="160020" rIns="160020" bIns="160020" numCol="1" spcCol="1270" anchor="ctr" anchorCtr="0">
          <a:noAutofit/>
        </a:bodyPr>
        <a:lstStyle/>
        <a:p>
          <a:pPr marL="0" lvl="0" indent="0" algn="l" defTabSz="1866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4200" b="1" kern="1200"/>
            <a:t>Opfølgningsprocessen for uddannelseskvalitet på SDU</a:t>
          </a:r>
          <a:endParaRPr lang="en-US" sz="4200" kern="1200"/>
        </a:p>
      </dsp:txBody>
      <dsp:txXfrm>
        <a:off x="50934" y="50934"/>
        <a:ext cx="7519650" cy="1637139"/>
      </dsp:txXfrm>
    </dsp:sp>
    <dsp:sp modelId="{552F8330-A6EF-4C4B-B057-EA47C196EC02}">
      <dsp:nvSpPr>
        <dsp:cNvPr id="0" name=""/>
        <dsp:cNvSpPr/>
      </dsp:nvSpPr>
      <dsp:spPr>
        <a:xfrm>
          <a:off x="1644185" y="2125454"/>
          <a:ext cx="9317051" cy="1739007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60020" tIns="160020" rIns="160020" bIns="160020" numCol="1" spcCol="1270" anchor="ctr" anchorCtr="0">
          <a:noAutofit/>
        </a:bodyPr>
        <a:lstStyle/>
        <a:p>
          <a:pPr marL="0" lvl="0" indent="0" algn="l" defTabSz="1866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4200" b="1" kern="1200"/>
            <a:t>Processen for SDUs uddannelsesportefølje</a:t>
          </a:r>
          <a:endParaRPr lang="en-US" sz="4200" kern="1200"/>
        </a:p>
      </dsp:txBody>
      <dsp:txXfrm>
        <a:off x="1695119" y="2176388"/>
        <a:ext cx="6440642" cy="1637139"/>
      </dsp:txXfrm>
    </dsp:sp>
    <dsp:sp modelId="{36349B03-54D2-47B9-9751-12A0975EA6D4}">
      <dsp:nvSpPr>
        <dsp:cNvPr id="0" name=""/>
        <dsp:cNvSpPr/>
      </dsp:nvSpPr>
      <dsp:spPr>
        <a:xfrm>
          <a:off x="8186696" y="1367053"/>
          <a:ext cx="1130355" cy="1130355"/>
        </a:xfrm>
        <a:prstGeom prst="downArrow">
          <a:avLst>
            <a:gd name="adj1" fmla="val 55000"/>
            <a:gd name="adj2" fmla="val 45000"/>
          </a:avLst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3600" kern="1200"/>
        </a:p>
      </dsp:txBody>
      <dsp:txXfrm>
        <a:off x="8441026" y="1367053"/>
        <a:ext cx="621695" cy="850592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556F3A9-478D-4A6C-9A80-5AFB3A0C3C9B}">
      <dsp:nvSpPr>
        <dsp:cNvPr id="0" name=""/>
        <dsp:cNvSpPr/>
      </dsp:nvSpPr>
      <dsp:spPr>
        <a:xfrm>
          <a:off x="2913" y="2340285"/>
          <a:ext cx="2592846" cy="1037138"/>
        </a:xfrm>
        <a:prstGeom prst="chevron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6007" tIns="18669" rIns="18669" bIns="18669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400" b="1" kern="1200" dirty="0"/>
            <a:t>Maj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 dirty="0"/>
            <a:t>Skabelon  sendes ud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 dirty="0"/>
            <a:t>Deadline for skabelon</a:t>
          </a:r>
        </a:p>
      </dsp:txBody>
      <dsp:txXfrm>
        <a:off x="521482" y="2340285"/>
        <a:ext cx="1555708" cy="1037138"/>
      </dsp:txXfrm>
    </dsp:sp>
    <dsp:sp modelId="{1340D226-5862-4992-AF1B-EB4C851244C6}">
      <dsp:nvSpPr>
        <dsp:cNvPr id="0" name=""/>
        <dsp:cNvSpPr/>
      </dsp:nvSpPr>
      <dsp:spPr>
        <a:xfrm>
          <a:off x="2336475" y="2340285"/>
          <a:ext cx="2592846" cy="1037138"/>
        </a:xfrm>
        <a:prstGeom prst="chevron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6007" tIns="18669" rIns="18669" bIns="18669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400" b="1" kern="1200" dirty="0"/>
            <a:t>Juni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 dirty="0"/>
            <a:t>Fakulteter indsender bemærkninger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 dirty="0"/>
            <a:t>FA modtager bemærkninger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 dirty="0"/>
            <a:t>Bilaterale møder FAK</a:t>
          </a:r>
        </a:p>
      </dsp:txBody>
      <dsp:txXfrm>
        <a:off x="2855044" y="2340285"/>
        <a:ext cx="1555708" cy="1037138"/>
      </dsp:txXfrm>
    </dsp:sp>
    <dsp:sp modelId="{BC24D3BA-DC01-41F3-A013-C693AD0C21CE}">
      <dsp:nvSpPr>
        <dsp:cNvPr id="0" name=""/>
        <dsp:cNvSpPr/>
      </dsp:nvSpPr>
      <dsp:spPr>
        <a:xfrm>
          <a:off x="4670036" y="2340285"/>
          <a:ext cx="2592846" cy="1037138"/>
        </a:xfrm>
        <a:prstGeom prst="chevron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6007" tIns="18669" rIns="18669" bIns="18669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400" b="1" kern="1200" dirty="0"/>
            <a:t>Juli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b="0" kern="1200" dirty="0"/>
            <a:t>Bilaterale samtaler områdechefer</a:t>
          </a:r>
        </a:p>
      </dsp:txBody>
      <dsp:txXfrm>
        <a:off x="5188605" y="2340285"/>
        <a:ext cx="1555708" cy="1037138"/>
      </dsp:txXfrm>
    </dsp:sp>
    <dsp:sp modelId="{D1B054DB-CBB8-4762-BC74-3D67EAB3B266}">
      <dsp:nvSpPr>
        <dsp:cNvPr id="0" name=""/>
        <dsp:cNvSpPr/>
      </dsp:nvSpPr>
      <dsp:spPr>
        <a:xfrm>
          <a:off x="7003598" y="2340285"/>
          <a:ext cx="2592846" cy="1037138"/>
        </a:xfrm>
        <a:prstGeom prst="chevron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6007" tIns="18669" rIns="18669" bIns="18669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400" b="1" kern="1200" dirty="0"/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400" b="1" kern="1200" dirty="0"/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400" b="1" kern="1200" dirty="0"/>
            <a:t>August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b="0" kern="1200" dirty="0"/>
            <a:t>Bilaterale samtaler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b="0" kern="1200" dirty="0"/>
            <a:t>Fællesmøde FA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000" b="0" kern="1200" dirty="0"/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400" b="1" kern="1200" dirty="0"/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400" kern="1200" dirty="0"/>
        </a:p>
      </dsp:txBody>
      <dsp:txXfrm>
        <a:off x="7522167" y="2340285"/>
        <a:ext cx="1555708" cy="1037138"/>
      </dsp:txXfrm>
    </dsp:sp>
    <dsp:sp modelId="{944EFEE4-4BB9-4CFB-A697-C80AA69F26C1}">
      <dsp:nvSpPr>
        <dsp:cNvPr id="0" name=""/>
        <dsp:cNvSpPr/>
      </dsp:nvSpPr>
      <dsp:spPr>
        <a:xfrm>
          <a:off x="9337160" y="2340285"/>
          <a:ext cx="2592846" cy="1037138"/>
        </a:xfrm>
        <a:prstGeom prst="chevron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6007" tIns="18669" rIns="18669" bIns="18669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400" b="1" kern="1200" dirty="0"/>
            <a:t>September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b="0" kern="1200" dirty="0"/>
            <a:t>Opsamling på Uddannelses kvalitet i UR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000" b="0" kern="1200" dirty="0"/>
        </a:p>
      </dsp:txBody>
      <dsp:txXfrm>
        <a:off x="9855729" y="2340285"/>
        <a:ext cx="1555708" cy="1037138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ierarchy6">
  <dgm:title val=""/>
  <dgm:desc val=""/>
  <dgm:catLst>
    <dgm:cat type="hierarchy" pri="3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4">
          <dgm:prSet phldr="1"/>
        </dgm:pt>
        <dgm:pt modelId="5">
          <dgm:prSet phldr="1"/>
        </dgm:pt>
        <dgm:pt modelId="6">
          <dgm:prSet phldr="1"/>
        </dgm:pt>
      </dgm:ptLst>
      <dgm:cxnLst>
        <dgm:cxn modelId="7" srcId="0" destId="1" srcOrd="0" destOrd="0"/>
        <dgm:cxn modelId="8" srcId="1" destId="2" srcOrd="0" destOrd="0"/>
        <dgm:cxn modelId="9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10" srcId="0" destId="4" srcOrd="1" destOrd="0"/>
        <dgm:cxn modelId="11" srcId="0" destId="5" srcOrd="2" destOrd="0"/>
        <dgm:cxn modelId="12" srcId="0" destId="6" srcOrd="3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  <dgm:pt modelId="2"/>
        <dgm:pt modelId="3"/>
      </dgm:ptLst>
      <dgm:cxnLst>
        <dgm:cxn modelId="4" srcId="0" destId="1" srcOrd="0" destOrd="0"/>
        <dgm:cxn modelId="13" srcId="1" destId="11" srcOrd="0" destOrd="0"/>
        <dgm:cxn modelId="14" srcId="1" destId="12" srcOrd="1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  <dgm:pt modelId="4"/>
        <dgm:pt modelId="5"/>
        <dgm:pt modelId="6"/>
        <dgm:pt modelId="7"/>
      </dgm:ptLst>
      <dgm:cxnLst>
        <dgm:cxn modelId="8" srcId="0" destId="1" srcOrd="0" destOrd="0"/>
        <dgm:cxn modelId="9" srcId="1" destId="2" srcOrd="0" destOrd="0"/>
        <dgm:cxn modelId="10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  <dgm:cxn modelId="11" srcId="0" destId="4" srcOrd="1" destOrd="0"/>
        <dgm:cxn modelId="12" srcId="0" destId="5" srcOrd="2" destOrd="0"/>
        <dgm:cxn modelId="13" srcId="0" destId="6" srcOrd="3" destOrd="0"/>
        <dgm:cxn modelId="14" srcId="0" destId="7" srcOrd="4" destOrd="0"/>
      </dgm:cxnLst>
      <dgm:bg/>
      <dgm:whole/>
    </dgm:dataModel>
  </dgm:clrData>
  <dgm:layoutNode name="mainComposite">
    <dgm:varLst>
      <dgm:chPref val="1"/>
      <dgm:dir/>
      <dgm:animOne val="branch"/>
      <dgm:animLvl val="lvl"/>
      <dgm:resizeHandles val="exact"/>
    </dgm:varLst>
    <dgm:alg type="composite">
      <dgm:param type="vertAlign" val="mid"/>
      <dgm:param type="horzAlign" val="ctr"/>
    </dgm:alg>
    <dgm:shape xmlns:r="http://schemas.openxmlformats.org/officeDocument/2006/relationships" r:blip="">
      <dgm:adjLst/>
    </dgm:shape>
    <dgm:presOf/>
    <dgm:choose name="Name0">
      <dgm:if name="Name1" axis="ch" ptType="node" func="cnt" op="gte" val="2">
        <dgm:choose name="Name2">
          <dgm:if name="Name3" func="var" arg="dir" op="equ" val="norm">
            <dgm:constrLst>
              <dgm:constr type="l" for="ch" forName="hierFlow" refType="w" fact="0.3"/>
              <dgm:constr type="t" for="ch" forName="hierFlow"/>
              <dgm:constr type="r" for="ch" forName="hierFlow" refType="w" fact="0.98"/>
              <dgm:constr type="b" for="ch" forName="hierFlow" refType="h" fact="0.98"/>
              <dgm:constr type="l" for="ch" forName="bgShapesFlow"/>
              <dgm:constr type="t" for="ch" forName="bgShapesFlow"/>
              <dgm:constr type="r" for="ch" forName="bgShapesFlow" refType="w"/>
              <dgm:constr type="b" for="ch" forName="bgShapesFlow" refType="h"/>
              <dgm:constr type="w" for="des" forName="level1Shape" refType="w"/>
              <dgm:constr type="h" for="des" forName="level1Shape" refType="w" refFor="des" refForName="level1Shape" fact="0.66667"/>
              <dgm:constr type="w" for="des" forName="level2Shape" refType="w" refFor="des" refForName="level1Shape" op="equ"/>
              <dgm:constr type="h" for="des" forName="level2Shape" refType="h" refFor="des" refForName="level1Shape" op="equ"/>
              <dgm:constr type="sp" for="des" refType="h" refFor="des" refForName="level1Shape" op="equ" fact="0.4"/>
              <dgm:constr type="sibSp" for="des" forName="hierChild1" refType="w" refFor="des" refForName="level1Shape" op="equ" fact="0.3"/>
              <dgm:constr type="sibSp" for="des" forName="hierChild2" refType="sibSp" refFor="des" refForName="hierChild1" op="equ"/>
              <dgm:constr type="sibSp" for="des" forName="hierChild3" refType="sibSp" refFor="des" refForName="hierChild1" op="equ"/>
              <dgm:constr type="userA" for="des" refType="h" refFor="des" refForName="level1Shape" op="equ"/>
              <dgm:constr type="userB" for="des" refType="sp" refFor="des" op="equ"/>
              <dgm:constr type="h" for="des" forName="firstBuf" refType="h" refFor="des" refForName="level1Shape" fact="0.1"/>
            </dgm:constrLst>
          </dgm:if>
          <dgm:else name="Name4">
            <dgm:constrLst>
              <dgm:constr type="l" for="ch" forName="hierFlow" refType="w" fact="0.02"/>
              <dgm:constr type="t" for="ch" forName="hierFlow"/>
              <dgm:constr type="r" for="ch" forName="hierFlow" refType="w" fact="0.7"/>
              <dgm:constr type="b" for="ch" forName="hierFlow" refType="h" fact="0.98"/>
              <dgm:constr type="l" for="ch" forName="bgShapesFlow"/>
              <dgm:constr type="t" for="ch" forName="bgShapesFlow"/>
              <dgm:constr type="r" for="ch" forName="bgShapesFlow" refType="w"/>
              <dgm:constr type="b" for="ch" forName="bgShapesFlow" refType="h"/>
              <dgm:constr type="w" for="des" forName="level1Shape" refType="w"/>
              <dgm:constr type="h" for="des" forName="level1Shape" refType="w" refFor="des" refForName="level1Shape" fact="0.66667"/>
              <dgm:constr type="w" for="des" forName="level2Shape" refType="w" refFor="des" refForName="level1Shape" op="equ"/>
              <dgm:constr type="h" for="des" forName="level2Shape" refType="h" refFor="des" refForName="level1Shape" op="equ"/>
              <dgm:constr type="sp" for="des" refType="h" refFor="des" refForName="level1Shape" op="equ" fact="0.4"/>
              <dgm:constr type="sibSp" for="des" forName="hierChild1" refType="w" refFor="des" refForName="level1Shape" op="equ" fact="0.3"/>
              <dgm:constr type="sibSp" for="des" forName="hierChild2" refType="sibSp" refFor="des" refForName="hierChild1" op="equ"/>
              <dgm:constr type="sibSp" for="des" forName="hierChild3" refType="sibSp" refFor="des" refForName="hierChild1" op="equ"/>
              <dgm:constr type="userA" for="des" refType="h" refFor="des" refForName="level1Shape" op="equ"/>
              <dgm:constr type="userB" for="des" refType="sp" refFor="des" op="equ"/>
              <dgm:constr type="h" for="des" forName="firstBuf" refType="h" refFor="des" refForName="level1Shape" fact="0.1"/>
            </dgm:constrLst>
          </dgm:else>
        </dgm:choose>
      </dgm:if>
      <dgm:else name="Name5">
        <dgm:constrLst>
          <dgm:constr type="l" for="ch" forName="hierFlow"/>
          <dgm:constr type="t" for="ch" forName="hierFlow"/>
          <dgm:constr type="r" for="ch" forName="hierFlow" refType="w"/>
          <dgm:constr type="b" for="ch" forName="hierFlow" refType="h"/>
          <dgm:constr type="l" for="ch" forName="bgShapesFlow"/>
          <dgm:constr type="t" for="ch" forName="bgShapesFlow"/>
          <dgm:constr type="r" for="ch" forName="bgShapesFlow" refType="w"/>
          <dgm:constr type="b" for="ch" forName="bgShapesFlow" refType="h"/>
          <dgm:constr type="w" for="des" forName="level1Shape" refType="w"/>
          <dgm:constr type="h" for="des" forName="level1Shape" refType="w" refFor="des" refForName="level1Shape" fact="0.66667"/>
          <dgm:constr type="w" for="des" forName="level2Shape" refType="w" refFor="des" refForName="level1Shape" op="equ"/>
          <dgm:constr type="h" for="des" forName="level2Shape" refType="h" refFor="des" refForName="level1Shape" op="equ"/>
          <dgm:constr type="sp" for="des" refType="h" refFor="des" refForName="level1Shape" op="equ" fact="0.4"/>
          <dgm:constr type="sibSp" for="des" forName="hierChild1" refType="w" refFor="des" refForName="level1Shape" op="equ" fact="0.3"/>
          <dgm:constr type="sibSp" for="des" forName="hierChild2" refType="sibSp" refFor="des" refForName="hierChild1" op="equ"/>
          <dgm:constr type="sibSp" for="des" forName="hierChild3" refType="sibSp" refFor="des" refForName="hierChild1" op="equ"/>
          <dgm:constr type="userA" for="des" refType="h" refFor="des" refForName="level1Shape" op="equ"/>
          <dgm:constr type="userB" for="des" refType="sp" refFor="des" op="equ"/>
          <dgm:constr type="h" for="des" forName="firstBuf" refType="h" refFor="des" refForName="level1Shape" fact="0.1"/>
        </dgm:constrLst>
      </dgm:else>
    </dgm:choose>
    <dgm:ruleLst/>
    <dgm:layoutNode name="hierFlow">
      <dgm:alg type="lin">
        <dgm:param type="linDir" val="fromT"/>
        <dgm:param type="nodeVertAlign" val="t"/>
        <dgm:param type="vertAlign" val="t"/>
        <dgm:param type="nodeHorzAlign" val="ctr"/>
        <dgm:param type="fallback" val="2D"/>
      </dgm:alg>
      <dgm:shape xmlns:r="http://schemas.openxmlformats.org/officeDocument/2006/relationships" r:blip="">
        <dgm:adjLst/>
      </dgm:shape>
      <dgm:presOf/>
      <dgm:constrLst/>
      <dgm:ruleLst/>
      <dgm:choose name="Name6">
        <dgm:if name="Name7" axis="ch" ptType="node" func="cnt" op="gte" val="2">
          <dgm:layoutNode name="firstBuf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if>
        <dgm:else name="Name8"/>
      </dgm:choose>
      <dgm:layoutNode name="hierChild1">
        <dgm:varLst>
          <dgm:chPref val="1"/>
          <dgm:animOne val="branch"/>
          <dgm:animLvl val="lvl"/>
        </dgm:varLst>
        <dgm:choose name="Name9">
          <dgm:if name="Name10" func="var" arg="dir" op="equ" val="norm">
            <dgm:alg type="hierChild">
              <dgm:param type="linDir" val="fromL"/>
              <dgm:param type="vertAlign" val="t"/>
            </dgm:alg>
          </dgm:if>
          <dgm:else name="Name11">
            <dgm:alg type="hierChild">
              <dgm:param type="linDir" val="fromR"/>
              <dgm:param type="vertAlign" val="t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primFontSz" for="des" ptType="node" op="equ"/>
        </dgm:constrLst>
        <dgm:ruleLst/>
        <dgm:forEach name="Name12" axis="ch" cnt="3">
          <dgm:forEach name="Name13" axis="self" ptType="node">
            <dgm:layoutNode name="Name14">
              <dgm:alg type="hierRoot"/>
              <dgm:shape xmlns:r="http://schemas.openxmlformats.org/officeDocument/2006/relationships" r:blip="">
                <dgm:adjLst/>
              </dgm:shape>
              <dgm:presOf/>
              <dgm:constrLst/>
              <dgm:ruleLst/>
              <dgm:layoutNode name="level1Shape" styleLbl="node0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primFontSz" val="65"/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layoutNode name="hierChild2">
                <dgm:choose name="Name15">
                  <dgm:if name="Name16" func="var" arg="dir" op="equ" val="norm">
                    <dgm:alg type="hierChild">
                      <dgm:param type="linDir" val="fromL"/>
                    </dgm:alg>
                  </dgm:if>
                  <dgm:else name="Name17">
                    <dgm:alg type="hierChild">
                      <dgm:param type="linDir" val="from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  <dgm:forEach name="repeat" axis="ch">
                  <dgm:forEach name="Name18" axis="self" ptType="parTrans" cnt="1">
                    <dgm:layoutNode name="Name19">
                      <dgm:alg type="conn">
                        <dgm:param type="dim" val="1D"/>
                        <dgm:param type="endSty" val="noArr"/>
                        <dgm:param type="connRout" val="bend"/>
                        <dgm:param type="begPts" val="bCtr"/>
                        <dgm:param type="endPts" val="tCtr"/>
                      </dgm:alg>
                      <dgm:shape xmlns:r="http://schemas.openxmlformats.org/officeDocument/2006/relationships" type="conn" r:blip="">
                        <dgm:adjLst/>
                      </dgm:shape>
                      <dgm:presOf axis="self"/>
                      <dgm:constrLst>
                        <dgm:constr type="w" val="1"/>
                        <dgm:constr type="h" val="1"/>
                        <dgm:constr type="begPad"/>
                        <dgm:constr type="endPad"/>
                      </dgm:constrLst>
                      <dgm:ruleLst/>
                    </dgm:layoutNode>
                  </dgm:forEach>
                  <dgm:forEach name="Name20" axis="self" ptType="node">
                    <dgm:layoutNode name="Name21">
                      <dgm:alg type="hierRoot"/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/>
                      <dgm:layoutNode name="level2Shape">
                        <dgm:alg type="tx"/>
                        <dgm:shape xmlns:r="http://schemas.openxmlformats.org/officeDocument/2006/relationships" type="roundRect" r:blip="">
                          <dgm:adjLst>
                            <dgm:adj idx="1" val="0.1"/>
                          </dgm:adjLst>
                        </dgm:shape>
                        <dgm:presOf axis="self"/>
                        <dgm:constrLst>
                          <dgm:constr type="primFontSz" val="65"/>
                          <dgm:constr type="tMarg" refType="primFontSz" fact="0.3"/>
                          <dgm:constr type="bMarg" refType="primFontSz" fact="0.3"/>
                          <dgm:constr type="lMarg" refType="primFontSz" fact="0.3"/>
                          <dgm:constr type="rMarg" refType="primFontSz" fact="0.3"/>
                        </dgm:constrLst>
                        <dgm:ruleLst>
                          <dgm:rule type="primFontSz" val="5" fact="NaN" max="NaN"/>
                        </dgm:ruleLst>
                      </dgm:layoutNode>
                      <dgm:layoutNode name="hierChild3">
                        <dgm:choose name="Name22">
                          <dgm:if name="Name23" func="var" arg="dir" op="equ" val="norm">
                            <dgm:alg type="hierChild">
                              <dgm:param type="linDir" val="fromL"/>
                            </dgm:alg>
                          </dgm:if>
                          <dgm:else name="Name24">
                            <dgm:alg type="hierChild">
                              <dgm:param type="linDir" val="fromR"/>
                            </dgm:alg>
                          </dgm:else>
                        </dgm:choose>
                        <dgm:shape xmlns:r="http://schemas.openxmlformats.org/officeDocument/2006/relationships" r:blip="">
                          <dgm:adjLst/>
                        </dgm:shape>
                        <dgm:presOf/>
                        <dgm:constrLst/>
                        <dgm:ruleLst/>
                        <dgm:forEach name="Name25" ref="repeat"/>
                      </dgm:layoutNode>
                    </dgm:layoutNode>
                  </dgm:forEach>
                </dgm:forEach>
              </dgm:layoutNode>
            </dgm:layoutNode>
          </dgm:forEach>
        </dgm:forEach>
      </dgm:layoutNode>
    </dgm:layoutNode>
    <dgm:layoutNode name="bgShapesFlow">
      <dgm:alg type="lin">
        <dgm:param type="linDir" val="fromT"/>
        <dgm:param type="nodeVertAlign" val="t"/>
        <dgm:param type="vertAlign" val="t"/>
        <dgm:param type="nodeHorzAlign" val="ctr"/>
      </dgm:alg>
      <dgm:shape xmlns:r="http://schemas.openxmlformats.org/officeDocument/2006/relationships" r:blip="">
        <dgm:adjLst/>
      </dgm:shape>
      <dgm:presOf/>
      <dgm:constrLst>
        <dgm:constr type="userB"/>
        <dgm:constr type="w" for="ch" forName="rectComp" refType="w"/>
        <dgm:constr type="h" for="ch" forName="rectComp" refType="h"/>
        <dgm:constr type="w" for="des" forName="bgRect" refType="w"/>
        <dgm:constr type="primFontSz" for="des" forName="bgRectTx" op="equ"/>
      </dgm:constrLst>
      <dgm:ruleLst/>
      <dgm:forEach name="Name26" axis="ch" ptType="node" st="2">
        <dgm:layoutNode name="rectComp">
          <dgm:alg type="composite">
            <dgm:param type="vertAlign" val="t"/>
            <dgm:param type="horzAlign" val="ctr"/>
          </dgm:alg>
          <dgm:shape xmlns:r="http://schemas.openxmlformats.org/officeDocument/2006/relationships" r:blip="">
            <dgm:adjLst/>
          </dgm:shape>
          <dgm:presOf/>
          <dgm:choose name="Name27">
            <dgm:if name="Name28" func="var" arg="dir" op="equ" val="norm">
              <dgm:constrLst>
                <dgm:constr type="userA"/>
                <dgm:constr type="l" for="ch" forName="bgRect"/>
                <dgm:constr type="t" for="ch" forName="bgRect"/>
                <dgm:constr type="h" for="ch" forName="bgRect" refType="userA" fact="1.2"/>
                <dgm:constr type="l" for="ch" forName="bgRectTx"/>
                <dgm:constr type="t" for="ch" forName="bgRectTx"/>
                <dgm:constr type="w" for="ch" forName="bgRectTx" refType="w" refFor="ch" refForName="bgRect" fact="0.3"/>
                <dgm:constr type="h" for="ch" forName="bgRectTx" refType="h" refFor="ch" refForName="bgRect" op="equ"/>
              </dgm:constrLst>
            </dgm:if>
            <dgm:else name="Name29">
              <dgm:constrLst>
                <dgm:constr type="userA"/>
                <dgm:constr type="l" for="ch" forName="bgRect"/>
                <dgm:constr type="t" for="ch" forName="bgRect"/>
                <dgm:constr type="h" for="ch" forName="bgRect" refType="userA" fact="1.2"/>
                <dgm:constr type="r" for="ch" forName="bgRectTx" refType="w"/>
                <dgm:constr type="t" for="ch" forName="bgRectTx"/>
                <dgm:constr type="w" for="ch" forName="bgRectTx" refType="w" refFor="ch" refForName="bgRect" fact="0.3"/>
                <dgm:constr type="h" for="ch" forName="bgRectTx" refType="h" refFor="ch" refForName="bgRect" op="equ"/>
              </dgm:constrLst>
            </dgm:else>
          </dgm:choose>
          <dgm:ruleLst/>
          <dgm:layoutNode name="bgRect" styleLbl="bgShp">
            <dgm:alg type="sp"/>
            <dgm:shape xmlns:r="http://schemas.openxmlformats.org/officeDocument/2006/relationships" type="roundRect" r:blip="" zOrderOff="-999">
              <dgm:adjLst>
                <dgm:adj idx="1" val="0.1"/>
              </dgm:adjLst>
            </dgm:shape>
            <dgm:presOf axis="desOrSelf" ptType="node"/>
            <dgm:constrLst/>
            <dgm:ruleLst/>
          </dgm:layoutNode>
          <dgm:layoutNode name="bgRectTx" styleLbl="bgShp">
            <dgm:varLst>
              <dgm:bulletEnabled val="1"/>
            </dgm:varLst>
            <dgm:alg type="tx"/>
            <dgm:presOf axis="desOrSelf" ptType="node"/>
            <dgm:shape xmlns:r="http://schemas.openxmlformats.org/officeDocument/2006/relationships" type="rect" r:blip="" zOrderOff="-999" hideGeom="1">
              <dgm:adjLst/>
            </dgm:shape>
            <dgm:constrLst>
              <dgm:constr type="primFontSz" val="65"/>
            </dgm:constrLst>
            <dgm:ruleLst>
              <dgm:rule type="primFontSz" val="5" fact="NaN" max="NaN"/>
            </dgm:ruleLst>
          </dgm:layoutNode>
        </dgm:layoutNode>
        <dgm:choose name="Name30">
          <dgm:if name="Name31" axis="self" ptType="node" func="revPos" op="gte" val="2">
            <dgm:layoutNode name="spComp">
              <dgm:alg type="composite">
                <dgm:param type="vertAlign" val="t"/>
                <dgm:param type="horzAlign" val="ctr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userA"/>
                <dgm:constr type="userB"/>
                <dgm:constr type="l" for="ch" forName="vSp"/>
                <dgm:constr type="t" for="ch" forName="vSp"/>
                <dgm:constr type="h" for="ch" forName="vSp" refType="userB"/>
                <dgm:constr type="hOff" for="ch" forName="vSp" refType="userA" fact="-0.2"/>
              </dgm:constrLst>
              <dgm:ruleLst/>
              <dgm:layoutNode name="vSp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if>
          <dgm:else name="Name32"/>
        </dgm:choose>
      </dgm:forEach>
    </dgm:layoutNod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hierarchy6">
  <dgm:title val=""/>
  <dgm:desc val=""/>
  <dgm:catLst>
    <dgm:cat type="hierarchy" pri="3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4">
          <dgm:prSet phldr="1"/>
        </dgm:pt>
        <dgm:pt modelId="5">
          <dgm:prSet phldr="1"/>
        </dgm:pt>
        <dgm:pt modelId="6">
          <dgm:prSet phldr="1"/>
        </dgm:pt>
      </dgm:ptLst>
      <dgm:cxnLst>
        <dgm:cxn modelId="7" srcId="0" destId="1" srcOrd="0" destOrd="0"/>
        <dgm:cxn modelId="8" srcId="1" destId="2" srcOrd="0" destOrd="0"/>
        <dgm:cxn modelId="9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10" srcId="0" destId="4" srcOrd="1" destOrd="0"/>
        <dgm:cxn modelId="11" srcId="0" destId="5" srcOrd="2" destOrd="0"/>
        <dgm:cxn modelId="12" srcId="0" destId="6" srcOrd="3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  <dgm:pt modelId="2"/>
        <dgm:pt modelId="3"/>
      </dgm:ptLst>
      <dgm:cxnLst>
        <dgm:cxn modelId="4" srcId="0" destId="1" srcOrd="0" destOrd="0"/>
        <dgm:cxn modelId="13" srcId="1" destId="11" srcOrd="0" destOrd="0"/>
        <dgm:cxn modelId="14" srcId="1" destId="12" srcOrd="1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  <dgm:pt modelId="4"/>
        <dgm:pt modelId="5"/>
        <dgm:pt modelId="6"/>
        <dgm:pt modelId="7"/>
      </dgm:ptLst>
      <dgm:cxnLst>
        <dgm:cxn modelId="8" srcId="0" destId="1" srcOrd="0" destOrd="0"/>
        <dgm:cxn modelId="9" srcId="1" destId="2" srcOrd="0" destOrd="0"/>
        <dgm:cxn modelId="10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  <dgm:cxn modelId="11" srcId="0" destId="4" srcOrd="1" destOrd="0"/>
        <dgm:cxn modelId="12" srcId="0" destId="5" srcOrd="2" destOrd="0"/>
        <dgm:cxn modelId="13" srcId="0" destId="6" srcOrd="3" destOrd="0"/>
        <dgm:cxn modelId="14" srcId="0" destId="7" srcOrd="4" destOrd="0"/>
      </dgm:cxnLst>
      <dgm:bg/>
      <dgm:whole/>
    </dgm:dataModel>
  </dgm:clrData>
  <dgm:layoutNode name="mainComposite">
    <dgm:varLst>
      <dgm:chPref val="1"/>
      <dgm:dir/>
      <dgm:animOne val="branch"/>
      <dgm:animLvl val="lvl"/>
      <dgm:resizeHandles val="exact"/>
    </dgm:varLst>
    <dgm:alg type="composite">
      <dgm:param type="vertAlign" val="mid"/>
      <dgm:param type="horzAlign" val="ctr"/>
    </dgm:alg>
    <dgm:shape xmlns:r="http://schemas.openxmlformats.org/officeDocument/2006/relationships" r:blip="">
      <dgm:adjLst/>
    </dgm:shape>
    <dgm:presOf/>
    <dgm:choose name="Name0">
      <dgm:if name="Name1" axis="ch" ptType="node" func="cnt" op="gte" val="2">
        <dgm:choose name="Name2">
          <dgm:if name="Name3" func="var" arg="dir" op="equ" val="norm">
            <dgm:constrLst>
              <dgm:constr type="l" for="ch" forName="hierFlow" refType="w" fact="0.3"/>
              <dgm:constr type="t" for="ch" forName="hierFlow"/>
              <dgm:constr type="r" for="ch" forName="hierFlow" refType="w" fact="0.98"/>
              <dgm:constr type="b" for="ch" forName="hierFlow" refType="h" fact="0.98"/>
              <dgm:constr type="l" for="ch" forName="bgShapesFlow"/>
              <dgm:constr type="t" for="ch" forName="bgShapesFlow"/>
              <dgm:constr type="r" for="ch" forName="bgShapesFlow" refType="w"/>
              <dgm:constr type="b" for="ch" forName="bgShapesFlow" refType="h"/>
              <dgm:constr type="w" for="des" forName="level1Shape" refType="w"/>
              <dgm:constr type="h" for="des" forName="level1Shape" refType="w" refFor="des" refForName="level1Shape" fact="0.66667"/>
              <dgm:constr type="w" for="des" forName="level2Shape" refType="w" refFor="des" refForName="level1Shape" op="equ"/>
              <dgm:constr type="h" for="des" forName="level2Shape" refType="h" refFor="des" refForName="level1Shape" op="equ"/>
              <dgm:constr type="sp" for="des" refType="h" refFor="des" refForName="level1Shape" op="equ" fact="0.4"/>
              <dgm:constr type="sibSp" for="des" forName="hierChild1" refType="w" refFor="des" refForName="level1Shape" op="equ" fact="0.3"/>
              <dgm:constr type="sibSp" for="des" forName="hierChild2" refType="sibSp" refFor="des" refForName="hierChild1" op="equ"/>
              <dgm:constr type="sibSp" for="des" forName="hierChild3" refType="sibSp" refFor="des" refForName="hierChild1" op="equ"/>
              <dgm:constr type="userA" for="des" refType="h" refFor="des" refForName="level1Shape" op="equ"/>
              <dgm:constr type="userB" for="des" refType="sp" refFor="des" op="equ"/>
              <dgm:constr type="h" for="des" forName="firstBuf" refType="h" refFor="des" refForName="level1Shape" fact="0.1"/>
            </dgm:constrLst>
          </dgm:if>
          <dgm:else name="Name4">
            <dgm:constrLst>
              <dgm:constr type="l" for="ch" forName="hierFlow" refType="w" fact="0.02"/>
              <dgm:constr type="t" for="ch" forName="hierFlow"/>
              <dgm:constr type="r" for="ch" forName="hierFlow" refType="w" fact="0.7"/>
              <dgm:constr type="b" for="ch" forName="hierFlow" refType="h" fact="0.98"/>
              <dgm:constr type="l" for="ch" forName="bgShapesFlow"/>
              <dgm:constr type="t" for="ch" forName="bgShapesFlow"/>
              <dgm:constr type="r" for="ch" forName="bgShapesFlow" refType="w"/>
              <dgm:constr type="b" for="ch" forName="bgShapesFlow" refType="h"/>
              <dgm:constr type="w" for="des" forName="level1Shape" refType="w"/>
              <dgm:constr type="h" for="des" forName="level1Shape" refType="w" refFor="des" refForName="level1Shape" fact="0.66667"/>
              <dgm:constr type="w" for="des" forName="level2Shape" refType="w" refFor="des" refForName="level1Shape" op="equ"/>
              <dgm:constr type="h" for="des" forName="level2Shape" refType="h" refFor="des" refForName="level1Shape" op="equ"/>
              <dgm:constr type="sp" for="des" refType="h" refFor="des" refForName="level1Shape" op="equ" fact="0.4"/>
              <dgm:constr type="sibSp" for="des" forName="hierChild1" refType="w" refFor="des" refForName="level1Shape" op="equ" fact="0.3"/>
              <dgm:constr type="sibSp" for="des" forName="hierChild2" refType="sibSp" refFor="des" refForName="hierChild1" op="equ"/>
              <dgm:constr type="sibSp" for="des" forName="hierChild3" refType="sibSp" refFor="des" refForName="hierChild1" op="equ"/>
              <dgm:constr type="userA" for="des" refType="h" refFor="des" refForName="level1Shape" op="equ"/>
              <dgm:constr type="userB" for="des" refType="sp" refFor="des" op="equ"/>
              <dgm:constr type="h" for="des" forName="firstBuf" refType="h" refFor="des" refForName="level1Shape" fact="0.1"/>
            </dgm:constrLst>
          </dgm:else>
        </dgm:choose>
      </dgm:if>
      <dgm:else name="Name5">
        <dgm:constrLst>
          <dgm:constr type="l" for="ch" forName="hierFlow"/>
          <dgm:constr type="t" for="ch" forName="hierFlow"/>
          <dgm:constr type="r" for="ch" forName="hierFlow" refType="w"/>
          <dgm:constr type="b" for="ch" forName="hierFlow" refType="h"/>
          <dgm:constr type="l" for="ch" forName="bgShapesFlow"/>
          <dgm:constr type="t" for="ch" forName="bgShapesFlow"/>
          <dgm:constr type="r" for="ch" forName="bgShapesFlow" refType="w"/>
          <dgm:constr type="b" for="ch" forName="bgShapesFlow" refType="h"/>
          <dgm:constr type="w" for="des" forName="level1Shape" refType="w"/>
          <dgm:constr type="h" for="des" forName="level1Shape" refType="w" refFor="des" refForName="level1Shape" fact="0.66667"/>
          <dgm:constr type="w" for="des" forName="level2Shape" refType="w" refFor="des" refForName="level1Shape" op="equ"/>
          <dgm:constr type="h" for="des" forName="level2Shape" refType="h" refFor="des" refForName="level1Shape" op="equ"/>
          <dgm:constr type="sp" for="des" refType="h" refFor="des" refForName="level1Shape" op="equ" fact="0.4"/>
          <dgm:constr type="sibSp" for="des" forName="hierChild1" refType="w" refFor="des" refForName="level1Shape" op="equ" fact="0.3"/>
          <dgm:constr type="sibSp" for="des" forName="hierChild2" refType="sibSp" refFor="des" refForName="hierChild1" op="equ"/>
          <dgm:constr type="sibSp" for="des" forName="hierChild3" refType="sibSp" refFor="des" refForName="hierChild1" op="equ"/>
          <dgm:constr type="userA" for="des" refType="h" refFor="des" refForName="level1Shape" op="equ"/>
          <dgm:constr type="userB" for="des" refType="sp" refFor="des" op="equ"/>
          <dgm:constr type="h" for="des" forName="firstBuf" refType="h" refFor="des" refForName="level1Shape" fact="0.1"/>
        </dgm:constrLst>
      </dgm:else>
    </dgm:choose>
    <dgm:ruleLst/>
    <dgm:layoutNode name="hierFlow">
      <dgm:alg type="lin">
        <dgm:param type="linDir" val="fromT"/>
        <dgm:param type="nodeVertAlign" val="t"/>
        <dgm:param type="vertAlign" val="t"/>
        <dgm:param type="nodeHorzAlign" val="ctr"/>
        <dgm:param type="fallback" val="2D"/>
      </dgm:alg>
      <dgm:shape xmlns:r="http://schemas.openxmlformats.org/officeDocument/2006/relationships" r:blip="">
        <dgm:adjLst/>
      </dgm:shape>
      <dgm:presOf/>
      <dgm:constrLst/>
      <dgm:ruleLst/>
      <dgm:choose name="Name6">
        <dgm:if name="Name7" axis="ch" ptType="node" func="cnt" op="gte" val="2">
          <dgm:layoutNode name="firstBuf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if>
        <dgm:else name="Name8"/>
      </dgm:choose>
      <dgm:layoutNode name="hierChild1">
        <dgm:varLst>
          <dgm:chPref val="1"/>
          <dgm:animOne val="branch"/>
          <dgm:animLvl val="lvl"/>
        </dgm:varLst>
        <dgm:choose name="Name9">
          <dgm:if name="Name10" func="var" arg="dir" op="equ" val="norm">
            <dgm:alg type="hierChild">
              <dgm:param type="linDir" val="fromL"/>
              <dgm:param type="vertAlign" val="t"/>
            </dgm:alg>
          </dgm:if>
          <dgm:else name="Name11">
            <dgm:alg type="hierChild">
              <dgm:param type="linDir" val="fromR"/>
              <dgm:param type="vertAlign" val="t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primFontSz" for="des" ptType="node" op="equ"/>
        </dgm:constrLst>
        <dgm:ruleLst/>
        <dgm:forEach name="Name12" axis="ch" cnt="3">
          <dgm:forEach name="Name13" axis="self" ptType="node">
            <dgm:layoutNode name="Name14">
              <dgm:alg type="hierRoot"/>
              <dgm:shape xmlns:r="http://schemas.openxmlformats.org/officeDocument/2006/relationships" r:blip="">
                <dgm:adjLst/>
              </dgm:shape>
              <dgm:presOf/>
              <dgm:constrLst/>
              <dgm:ruleLst/>
              <dgm:layoutNode name="level1Shape" styleLbl="node0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primFontSz" val="65"/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layoutNode name="hierChild2">
                <dgm:choose name="Name15">
                  <dgm:if name="Name16" func="var" arg="dir" op="equ" val="norm">
                    <dgm:alg type="hierChild">
                      <dgm:param type="linDir" val="fromL"/>
                    </dgm:alg>
                  </dgm:if>
                  <dgm:else name="Name17">
                    <dgm:alg type="hierChild">
                      <dgm:param type="linDir" val="from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  <dgm:forEach name="repeat" axis="ch">
                  <dgm:forEach name="Name18" axis="self" ptType="parTrans" cnt="1">
                    <dgm:layoutNode name="Name19">
                      <dgm:alg type="conn">
                        <dgm:param type="dim" val="1D"/>
                        <dgm:param type="endSty" val="noArr"/>
                        <dgm:param type="connRout" val="bend"/>
                        <dgm:param type="begPts" val="bCtr"/>
                        <dgm:param type="endPts" val="tCtr"/>
                      </dgm:alg>
                      <dgm:shape xmlns:r="http://schemas.openxmlformats.org/officeDocument/2006/relationships" type="conn" r:blip="">
                        <dgm:adjLst/>
                      </dgm:shape>
                      <dgm:presOf axis="self"/>
                      <dgm:constrLst>
                        <dgm:constr type="w" val="1"/>
                        <dgm:constr type="h" val="1"/>
                        <dgm:constr type="begPad"/>
                        <dgm:constr type="endPad"/>
                      </dgm:constrLst>
                      <dgm:ruleLst/>
                    </dgm:layoutNode>
                  </dgm:forEach>
                  <dgm:forEach name="Name20" axis="self" ptType="node">
                    <dgm:layoutNode name="Name21">
                      <dgm:alg type="hierRoot"/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/>
                      <dgm:layoutNode name="level2Shape">
                        <dgm:alg type="tx"/>
                        <dgm:shape xmlns:r="http://schemas.openxmlformats.org/officeDocument/2006/relationships" type="roundRect" r:blip="">
                          <dgm:adjLst>
                            <dgm:adj idx="1" val="0.1"/>
                          </dgm:adjLst>
                        </dgm:shape>
                        <dgm:presOf axis="self"/>
                        <dgm:constrLst>
                          <dgm:constr type="primFontSz" val="65"/>
                          <dgm:constr type="tMarg" refType="primFontSz" fact="0.3"/>
                          <dgm:constr type="bMarg" refType="primFontSz" fact="0.3"/>
                          <dgm:constr type="lMarg" refType="primFontSz" fact="0.3"/>
                          <dgm:constr type="rMarg" refType="primFontSz" fact="0.3"/>
                        </dgm:constrLst>
                        <dgm:ruleLst>
                          <dgm:rule type="primFontSz" val="5" fact="NaN" max="NaN"/>
                        </dgm:ruleLst>
                      </dgm:layoutNode>
                      <dgm:layoutNode name="hierChild3">
                        <dgm:choose name="Name22">
                          <dgm:if name="Name23" func="var" arg="dir" op="equ" val="norm">
                            <dgm:alg type="hierChild">
                              <dgm:param type="linDir" val="fromL"/>
                            </dgm:alg>
                          </dgm:if>
                          <dgm:else name="Name24">
                            <dgm:alg type="hierChild">
                              <dgm:param type="linDir" val="fromR"/>
                            </dgm:alg>
                          </dgm:else>
                        </dgm:choose>
                        <dgm:shape xmlns:r="http://schemas.openxmlformats.org/officeDocument/2006/relationships" r:blip="">
                          <dgm:adjLst/>
                        </dgm:shape>
                        <dgm:presOf/>
                        <dgm:constrLst/>
                        <dgm:ruleLst/>
                        <dgm:forEach name="Name25" ref="repeat"/>
                      </dgm:layoutNode>
                    </dgm:layoutNode>
                  </dgm:forEach>
                </dgm:forEach>
              </dgm:layoutNode>
            </dgm:layoutNode>
          </dgm:forEach>
        </dgm:forEach>
      </dgm:layoutNode>
    </dgm:layoutNode>
    <dgm:layoutNode name="bgShapesFlow">
      <dgm:alg type="lin">
        <dgm:param type="linDir" val="fromT"/>
        <dgm:param type="nodeVertAlign" val="t"/>
        <dgm:param type="vertAlign" val="t"/>
        <dgm:param type="nodeHorzAlign" val="ctr"/>
      </dgm:alg>
      <dgm:shape xmlns:r="http://schemas.openxmlformats.org/officeDocument/2006/relationships" r:blip="">
        <dgm:adjLst/>
      </dgm:shape>
      <dgm:presOf/>
      <dgm:constrLst>
        <dgm:constr type="userB"/>
        <dgm:constr type="w" for="ch" forName="rectComp" refType="w"/>
        <dgm:constr type="h" for="ch" forName="rectComp" refType="h"/>
        <dgm:constr type="w" for="des" forName="bgRect" refType="w"/>
        <dgm:constr type="primFontSz" for="des" forName="bgRectTx" op="equ"/>
      </dgm:constrLst>
      <dgm:ruleLst/>
      <dgm:forEach name="Name26" axis="ch" ptType="node" st="2">
        <dgm:layoutNode name="rectComp">
          <dgm:alg type="composite">
            <dgm:param type="vertAlign" val="t"/>
            <dgm:param type="horzAlign" val="ctr"/>
          </dgm:alg>
          <dgm:shape xmlns:r="http://schemas.openxmlformats.org/officeDocument/2006/relationships" r:blip="">
            <dgm:adjLst/>
          </dgm:shape>
          <dgm:presOf/>
          <dgm:choose name="Name27">
            <dgm:if name="Name28" func="var" arg="dir" op="equ" val="norm">
              <dgm:constrLst>
                <dgm:constr type="userA"/>
                <dgm:constr type="l" for="ch" forName="bgRect"/>
                <dgm:constr type="t" for="ch" forName="bgRect"/>
                <dgm:constr type="h" for="ch" forName="bgRect" refType="userA" fact="1.2"/>
                <dgm:constr type="l" for="ch" forName="bgRectTx"/>
                <dgm:constr type="t" for="ch" forName="bgRectTx"/>
                <dgm:constr type="w" for="ch" forName="bgRectTx" refType="w" refFor="ch" refForName="bgRect" fact="0.3"/>
                <dgm:constr type="h" for="ch" forName="bgRectTx" refType="h" refFor="ch" refForName="bgRect" op="equ"/>
              </dgm:constrLst>
            </dgm:if>
            <dgm:else name="Name29">
              <dgm:constrLst>
                <dgm:constr type="userA"/>
                <dgm:constr type="l" for="ch" forName="bgRect"/>
                <dgm:constr type="t" for="ch" forName="bgRect"/>
                <dgm:constr type="h" for="ch" forName="bgRect" refType="userA" fact="1.2"/>
                <dgm:constr type="r" for="ch" forName="bgRectTx" refType="w"/>
                <dgm:constr type="t" for="ch" forName="bgRectTx"/>
                <dgm:constr type="w" for="ch" forName="bgRectTx" refType="w" refFor="ch" refForName="bgRect" fact="0.3"/>
                <dgm:constr type="h" for="ch" forName="bgRectTx" refType="h" refFor="ch" refForName="bgRect" op="equ"/>
              </dgm:constrLst>
            </dgm:else>
          </dgm:choose>
          <dgm:ruleLst/>
          <dgm:layoutNode name="bgRect" styleLbl="bgShp">
            <dgm:alg type="sp"/>
            <dgm:shape xmlns:r="http://schemas.openxmlformats.org/officeDocument/2006/relationships" type="roundRect" r:blip="" zOrderOff="-999">
              <dgm:adjLst>
                <dgm:adj idx="1" val="0.1"/>
              </dgm:adjLst>
            </dgm:shape>
            <dgm:presOf axis="desOrSelf" ptType="node"/>
            <dgm:constrLst/>
            <dgm:ruleLst/>
          </dgm:layoutNode>
          <dgm:layoutNode name="bgRectTx" styleLbl="bgShp">
            <dgm:varLst>
              <dgm:bulletEnabled val="1"/>
            </dgm:varLst>
            <dgm:alg type="tx"/>
            <dgm:presOf axis="desOrSelf" ptType="node"/>
            <dgm:shape xmlns:r="http://schemas.openxmlformats.org/officeDocument/2006/relationships" type="rect" r:blip="" zOrderOff="-999" hideGeom="1">
              <dgm:adjLst/>
            </dgm:shape>
            <dgm:constrLst>
              <dgm:constr type="primFontSz" val="65"/>
            </dgm:constrLst>
            <dgm:ruleLst>
              <dgm:rule type="primFontSz" val="5" fact="NaN" max="NaN"/>
            </dgm:ruleLst>
          </dgm:layoutNode>
        </dgm:layoutNode>
        <dgm:choose name="Name30">
          <dgm:if name="Name31" axis="self" ptType="node" func="revPos" op="gte" val="2">
            <dgm:layoutNode name="spComp">
              <dgm:alg type="composite">
                <dgm:param type="vertAlign" val="t"/>
                <dgm:param type="horzAlign" val="ctr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userA"/>
                <dgm:constr type="userB"/>
                <dgm:constr type="l" for="ch" forName="vSp"/>
                <dgm:constr type="t" for="ch" forName="vSp"/>
                <dgm:constr type="h" for="ch" forName="vSp" refType="userB"/>
                <dgm:constr type="hOff" for="ch" forName="vSp" refType="userA" fact="-0.2"/>
              </dgm:constrLst>
              <dgm:ruleLst/>
              <dgm:layoutNode name="vSp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if>
          <dgm:else name="Name32"/>
        </dgm:choose>
      </dgm:forEach>
    </dgm:layoutNode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vProcess5">
  <dgm:title val=""/>
  <dgm:desc val=""/>
  <dgm:catLst>
    <dgm:cat type="process" pri="1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</dgm:cxnLst>
      <dgm:bg/>
      <dgm:whole/>
    </dgm:dataModel>
  </dgm:clrData>
  <dgm:layoutNode name="outerComposite">
    <dgm:varLst>
      <dgm:chMax val="5"/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0">
      <dgm:if name="Name1" func="var" arg="dir" op="equ" val="norm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l" for="ch" forName="TwoNodes_1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r" for="ch" forName="TwoNodes_2" refType="w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r" for="ch" forName="TwoConn_1-2" refType="r" refFor="ch" refForName="TwoNodes_1"/>
          <dgm:constr type="r" for="ch" forName="TwoNodes_1_text" refType="l" refFor="ch" refForName="TwoConn_1-2"/>
          <dgm:constr type="rOff" for="ch" forName="TwoNodes_1_text" refType="w" refFor="ch" refForName="TwoConn_1-2" fact="-0.5"/>
          <dgm:constr type="t" for="ch" forName="TwoNodes_1_text" refType="t" refFor="ch" refForName="TwoNodes_1"/>
          <dgm:constr type="b" for="ch" forName="TwoNodes_1_text" refType="b" refFor="ch" refForName="TwoNodes_1"/>
          <dgm:constr type="l" for="ch" forName="TwoNodes_1_text" refType="l" refFor="ch" refForName="TwoNodes_1"/>
          <dgm:constr type="r" for="ch" forName="TwoNodes_2_text" refType="l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l" for="ch" forName="TwoNodes_2_text" refType="l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l" for="ch" forName="ThreeNodes_1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r" for="ch" forName="ThreeNodes_3" refType="w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r" for="ch" forName="ThreeConn_1-2" refType="r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r" for="ch" forName="ThreeConn_2-3" refType="r" refFor="ch" refForName="ThreeNodes_2"/>
          <dgm:constr type="r" for="ch" forName="ThreeNodes_1_text" refType="l" refFor="ch" refForName="ThreeConn_1-2"/>
          <dgm:constr type="rOff" for="ch" forName="ThreeNodes_1_text" refType="w" refFor="ch" refForName="ThreeConn_1-2" fact="-0.57"/>
          <dgm:constr type="t" for="ch" forName="ThreeNodes_1_text" refType="t" refFor="ch" refForName="ThreeNodes_1"/>
          <dgm:constr type="b" for="ch" forName="ThreeNodes_1_text" refType="b" refFor="ch" refForName="ThreeNodes_1"/>
          <dgm:constr type="l" for="ch" forName="ThreeNodes_1_text" refType="l" refFor="ch" refForName="ThreeNodes_1"/>
          <dgm:constr type="r" for="ch" forName="ThreeNodes_2_text" refType="l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l" for="ch" forName="ThreeNodes_2_text" refType="l" refFor="ch" refForName="ThreeNodes_2"/>
          <dgm:constr type="r" for="ch" forName="ThreeNodes_3_text" refType="l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l" for="ch" forName="ThreeNodes_3_text" refType="l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l" for="ch" forName="FourNodes_1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467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533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r" for="ch" forName="FourNodes_4" refType="w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r" for="ch" forName="FourConn_1-2" refType="r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r" for="ch" forName="FourConn_2-3" refType="r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r" for="ch" forName="FourConn_3-4" refType="r" refFor="ch" refForName="FourNodes_3"/>
          <dgm:constr type="r" for="ch" forName="FourNodes_1_text" refType="l" refFor="ch" refForName="FourConn_1-2"/>
          <dgm:constr type="rOff" for="ch" forName="FourNodes_1_text" refType="w" refFor="ch" refForName="FourConn_1-2" fact="-0.7"/>
          <dgm:constr type="t" for="ch" forName="FourNodes_1_text" refType="t" refFor="ch" refForName="FourNodes_1"/>
          <dgm:constr type="b" for="ch" forName="FourNodes_1_text" refType="b" refFor="ch" refForName="FourNodes_1"/>
          <dgm:constr type="l" for="ch" forName="FourNodes_1_text" refType="l" refFor="ch" refForName="FourNodes_1"/>
          <dgm:constr type="r" for="ch" forName="FourNodes_2_text" refType="l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l" for="ch" forName="FourNodes_2_text" refType="l" refFor="ch" refForName="FourNodes_2"/>
          <dgm:constr type="r" for="ch" forName="FourNodes_3_text" refType="l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l" for="ch" forName="FourNodes_3_text" refType="l" refFor="ch" refForName="FourNodes_3"/>
          <dgm:constr type="r" for="ch" forName="FourNodes_4_text" refType="l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l" for="ch" forName="FourNodes_4_text" refType="l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l" for="ch" forName="FiveNodes_1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442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557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r" for="ch" forName="FiveNodes_5" refType="w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r" for="ch" forName="FiveConn_1-2" refType="r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r" for="ch" forName="FiveConn_2-3" refType="r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r" for="ch" forName="FiveConn_3-4" refType="r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r" for="ch" forName="FiveConn_4-5" refType="r" refFor="ch" refForName="FiveNodes_4"/>
          <dgm:constr type="r" for="ch" forName="FiveNodes_1_text" refType="l" refFor="ch" refForName="FiveConn_1-2"/>
          <dgm:constr type="rOff" for="ch" forName="FiveNodes_1_text" refType="w" refFor="ch" refForName="FiveConn_1-2" fact="-0.75"/>
          <dgm:constr type="t" for="ch" forName="FiveNodes_1_text" refType="t" refFor="ch" refForName="FiveNodes_1"/>
          <dgm:constr type="b" for="ch" forName="FiveNodes_1_text" refType="b" refFor="ch" refForName="FiveNodes_1"/>
          <dgm:constr type="l" for="ch" forName="FiveNodes_1_text" refType="l" refFor="ch" refForName="FiveNodes_1"/>
          <dgm:constr type="r" for="ch" forName="FiveNodes_2_text" refType="l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l" for="ch" forName="FiveNodes_2_text" refType="l" refFor="ch" refForName="FiveNodes_2"/>
          <dgm:constr type="r" for="ch" forName="FiveNodes_3_text" refType="l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l" for="ch" forName="FiveNodes_3_text" refType="l" refFor="ch" refForName="FiveNodes_3"/>
          <dgm:constr type="r" for="ch" forName="FiveNodes_4_text" refType="l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l" for="ch" forName="FiveNodes_4_text" refType="l" refFor="ch" refForName="FiveNodes_4"/>
          <dgm:constr type="r" for="ch" forName="FiveNodes_5_text" refType="l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l" for="ch" forName="FiveNodes_5_text" refType="l" refFor="ch" refForName="FiveNodes_5"/>
        </dgm:constrLst>
      </dgm:if>
      <dgm:else name="Name2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r" for="ch" forName="TwoNodes_1" refType="w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l" for="ch" forName="TwoNodes_2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l" for="ch" forName="TwoConn_1-2" refType="l" refFor="ch" refForName="TwoNodes_1"/>
          <dgm:constr type="l" for="ch" forName="TwoNodes_1_text" refType="r" refFor="ch" refForName="TwoConn_1-2"/>
          <dgm:constr type="lOff" for="ch" forName="TwoNodes_1_text" refType="w" refFor="ch" refForName="TwoConn_1-2" fact="0.5"/>
          <dgm:constr type="t" for="ch" forName="TwoNodes_1_text" refType="t" refFor="ch" refForName="TwoNodes_1"/>
          <dgm:constr type="b" for="ch" forName="TwoNodes_1_text" refType="b" refFor="ch" refForName="TwoNodes_1"/>
          <dgm:constr type="r" for="ch" forName="TwoNodes_1_text" refType="r" refFor="ch" refForName="TwoNodes_1"/>
          <dgm:constr type="l" for="ch" forName="TwoNodes_2_text" refType="r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r" for="ch" forName="TwoNodes_2_text" refType="r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r" for="ch" forName="ThreeNodes_1" refType="w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l" for="ch" forName="ThreeNodes_3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l" for="ch" forName="ThreeConn_1-2" refType="l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l" for="ch" forName="ThreeConn_2-3" refType="l" refFor="ch" refForName="ThreeNodes_2"/>
          <dgm:constr type="l" for="ch" forName="ThreeNodes_1_text" refType="r" refFor="ch" refForName="ThreeConn_1-2"/>
          <dgm:constr type="lOff" for="ch" forName="ThreeNodes_1_text" refType="w" refFor="ch" refForName="ThreeConn_1-2" fact="0.55"/>
          <dgm:constr type="t" for="ch" forName="ThreeNodes_1_text" refType="t" refFor="ch" refForName="ThreeNodes_1"/>
          <dgm:constr type="b" for="ch" forName="ThreeNodes_1_text" refType="b" refFor="ch" refForName="ThreeNodes_1"/>
          <dgm:constr type="r" for="ch" forName="ThreeNodes_1_text" refType="r" refFor="ch" refForName="ThreeNodes_1"/>
          <dgm:constr type="l" for="ch" forName="ThreeNodes_2_text" refType="r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r" for="ch" forName="ThreeNodes_2_text" refType="r" refFor="ch" refForName="ThreeNodes_2"/>
          <dgm:constr type="l" for="ch" forName="ThreeNodes_3_text" refType="r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r" for="ch" forName="ThreeNodes_3_text" refType="r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r" for="ch" forName="FourNodes_1" refType="w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533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467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l" for="ch" forName="FourNodes_4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l" for="ch" forName="FourConn_1-2" refType="l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l" for="ch" forName="FourConn_2-3" refType="l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l" for="ch" forName="FourConn_3-4" refType="l" refFor="ch" refForName="FourNodes_3"/>
          <dgm:constr type="l" for="ch" forName="FourNodes_1_text" refType="r" refFor="ch" refForName="FourConn_1-2"/>
          <dgm:constr type="lOff" for="ch" forName="FourNodes_1_text" refType="w" refFor="ch" refForName="FourConn_1-2" fact="0.69"/>
          <dgm:constr type="t" for="ch" forName="FourNodes_1_text" refType="t" refFor="ch" refForName="FourNodes_1"/>
          <dgm:constr type="b" for="ch" forName="FourNodes_1_text" refType="b" refFor="ch" refForName="FourNodes_1"/>
          <dgm:constr type="r" for="ch" forName="FourNodes_1_text" refType="r" refFor="ch" refForName="FourNodes_1"/>
          <dgm:constr type="l" for="ch" forName="FourNodes_2_text" refType="r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r" for="ch" forName="FourNodes_2_text" refType="r" refFor="ch" refForName="FourNodes_2"/>
          <dgm:constr type="l" for="ch" forName="FourNodes_3_text" refType="r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r" for="ch" forName="FourNodes_3_text" refType="r" refFor="ch" refForName="FourNodes_3"/>
          <dgm:constr type="l" for="ch" forName="FourNodes_4_text" refType="r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r" for="ch" forName="FourNodes_4_text" refType="r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r" for="ch" forName="FiveNodes_1" refType="w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557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442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l" for="ch" forName="FiveNodes_5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l" for="ch" forName="FiveConn_1-2" refType="l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l" for="ch" forName="FiveConn_2-3" refType="l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l" for="ch" forName="FiveConn_3-4" refType="l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l" for="ch" forName="FiveConn_4-5" refType="l" refFor="ch" refForName="FiveNodes_4"/>
          <dgm:constr type="l" for="ch" forName="FiveNodes_1_text" refType="r" refFor="ch" refForName="FiveConn_1-2"/>
          <dgm:constr type="lOff" for="ch" forName="FiveNodes_1_text" refType="w" refFor="ch" refForName="FiveConn_1-2" fact="0.73"/>
          <dgm:constr type="t" for="ch" forName="FiveNodes_1_text" refType="t" refFor="ch" refForName="FiveNodes_1"/>
          <dgm:constr type="b" for="ch" forName="FiveNodes_1_text" refType="b" refFor="ch" refForName="FiveNodes_1"/>
          <dgm:constr type="r" for="ch" forName="FiveNodes_1_text" refType="r" refFor="ch" refForName="FiveNodes_1"/>
          <dgm:constr type="l" for="ch" forName="FiveNodes_2_text" refType="r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r" for="ch" forName="FiveNodes_2_text" refType="r" refFor="ch" refForName="FiveNodes_2"/>
          <dgm:constr type="l" for="ch" forName="FiveNodes_3_text" refType="r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r" for="ch" forName="FiveNodes_3_text" refType="r" refFor="ch" refForName="FiveNodes_3"/>
          <dgm:constr type="l" for="ch" forName="FiveNodes_4_text" refType="r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r" for="ch" forName="FiveNodes_4_text" refType="r" refFor="ch" refForName="FiveNodes_4"/>
          <dgm:constr type="l" for="ch" forName="FiveNodes_5_text" refType="r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r" for="ch" forName="FiveNodes_5_text" refType="r" refFor="ch" refForName="FiveNodes_5"/>
        </dgm:constrLst>
      </dgm:else>
    </dgm:choose>
    <dgm:ruleLst/>
    <dgm:layoutNode name="dummyMaxCanvas">
      <dgm:varLst/>
      <dgm:alg type="sp"/>
      <dgm:shape xmlns:r="http://schemas.openxmlformats.org/officeDocument/2006/relationships" r:blip="">
        <dgm:adjLst/>
      </dgm:shape>
      <dgm:presOf/>
      <dgm:constrLst/>
      <dgm:ruleLst/>
    </dgm:layoutNode>
    <dgm:choose name="Name3">
      <dgm:if name="Name4" axis="ch" ptType="node" func="cnt" op="equ" val="1">
        <dgm:layoutNode name="OneNode_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ch desOrSelf" ptType="node node" st="1 1" cnt="1 0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if>
      <dgm:else name="Name5">
        <dgm:choose name="Name6">
          <dgm:if name="Name7" axis="ch" ptType="node" func="cnt" op="equ" val="2">
            <dgm:layoutNode name="TwoNodes_1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1 1" cnt="1 0"/>
              <dgm:constrLst/>
              <dgm:ruleLst/>
            </dgm:layoutNode>
            <dgm:layoutNode name="TwoNodes_2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2 1" cnt="1 0"/>
              <dgm:constrLst/>
              <dgm:ruleLst/>
            </dgm:layoutNode>
            <dgm:layoutNode name="TwoConn_1-2" styleLbl="fgAccFollowNode1">
              <dgm:varLst>
                <dgm:bulletEnabled val="1"/>
              </dgm:varLst>
              <dgm:alg type="tx"/>
              <dgm:shape xmlns:r="http://schemas.openxmlformats.org/officeDocument/2006/relationships" type="downArrow" r:blip="">
                <dgm:adjLst>
                  <dgm:adj idx="1" val="0.55"/>
                  <dgm:adj idx="2" val="0.45"/>
                </dgm:adjLst>
              </dgm:shape>
              <dgm:presOf axis="ch" ptType="sibTrans" cnt="1"/>
              <dgm:constrLst>
                <dgm:constr type="lMarg" refType="primFontSz" fact="0.1"/>
                <dgm:constr type="rMarg" refType="primFontSz" fact="0.1"/>
                <dgm:constr type="tMarg" refType="primFontSz" fact="0.1"/>
                <dgm:constr type="bMarg" refType="primFontSz" fact="0.1"/>
              </dgm:constrLst>
              <dgm:ruleLst>
                <dgm:rule type="primFontSz" val="5" fact="NaN" max="NaN"/>
              </dgm:ruleLst>
            </dgm:layoutNode>
            <dgm:layoutNode name="TwoNodes_1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1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  <dgm:layoutNode name="TwoNodes_2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2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8">
            <dgm:choose name="Name9">
              <dgm:if name="Name10" axis="ch" ptType="node" func="cnt" op="equ" val="3">
                <dgm:layoutNode name="ThreeNodes_1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1 1" cnt="1 0"/>
                  <dgm:constrLst/>
                  <dgm:ruleLst/>
                </dgm:layoutNode>
                <dgm:layoutNode name="ThreeNodes_2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2 1" cnt="1 0"/>
                  <dgm:constrLst/>
                  <dgm:ruleLst/>
                </dgm:layoutNode>
                <dgm:layoutNode name="ThreeNodes_3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3 1" cnt="1 0"/>
                  <dgm:constrLst/>
                  <dgm:ruleLst/>
                </dgm:layoutNode>
                <dgm:layoutNode name="ThreeConn_1-2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Conn_2-3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st="2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Nodes_1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1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2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2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3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3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</dgm:if>
              <dgm:else name="Name11">
                <dgm:choose name="Name12">
                  <dgm:if name="Name13" axis="ch" ptType="node" func="cnt" op="equ" val="4">
                    <dgm:layoutNode name="FourNodes_1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/>
                      <dgm:ruleLst/>
                    </dgm:layoutNode>
                    <dgm:layoutNode name="FourNodes_2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/>
                      <dgm:ruleLst/>
                    </dgm:layoutNode>
                    <dgm:layoutNode name="FourNodes_3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/>
                      <dgm:ruleLst/>
                    </dgm:layoutNode>
                    <dgm:layoutNode name="FourNodes_4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/>
                      <dgm:ruleLst/>
                    </dgm:layoutNode>
                    <dgm:layoutNode name="FourConn_1-2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2-3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2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3-4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3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1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2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3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4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if>
                  <dgm:else name="Name14">
                    <dgm:choose name="Name15">
                      <dgm:if name="Name16" axis="ch" ptType="node" func="cnt" op="gte" val="5">
                        <dgm:layoutNode name="FiveNodes_1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/>
                          <dgm:ruleLst/>
                        </dgm:layoutNode>
                        <dgm:layoutNode name="FiveNodes_2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/>
                          <dgm:ruleLst/>
                        </dgm:layoutNode>
                        <dgm:layoutNode name="FiveNodes_3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/>
                          <dgm:ruleLst/>
                        </dgm:layoutNode>
                        <dgm:layoutNode name="FiveNodes_4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/>
                          <dgm:ruleLst/>
                        </dgm:layoutNode>
                        <dgm:layoutNode name="FiveNodes_5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/>
                          <dgm:ruleLst/>
                        </dgm:layoutNode>
                        <dgm:layoutNode name="FiveConn_1-2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2-3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2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3-4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3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4-5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4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1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2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3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4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5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</dgm:if>
                      <dgm:else name="Name17"/>
                    </dgm:choose>
                  </dgm:else>
                </dgm:choose>
              </dgm:else>
            </dgm:choose>
          </dgm:else>
        </dgm:choose>
      </dgm:else>
    </dgm:choose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7/07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Find et klikbar organisationsdiagram, digital eller rektoratet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2162635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EC2D65-1A16-DB76-B545-1A85655D979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8A786961-BC30-1B36-E936-30830727DE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078C8C66-3834-7DA9-5DF5-3952298AB94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Find et klikbar organisationsdiagram, digital eller rektoratet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BD75E76-85BD-2F60-B0A0-89BBEE60E3F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0242673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SDU har en række centralt definerede principper for udviklingen af Uddannelsesporteføljen, der alle står i forhold til </a:t>
            </a:r>
            <a:r>
              <a:rPr lang="da-DK" b="1" dirty="0"/>
              <a:t> strategiske-, politiske- og organisatoriske hensyn</a:t>
            </a:r>
            <a:endParaRPr lang="da-DK" dirty="0"/>
          </a:p>
          <a:p>
            <a:r>
              <a:rPr lang="da-DK" dirty="0"/>
              <a:t>De findes både på et overordnet niveau, men også specifikt i forhold til:</a:t>
            </a:r>
          </a:p>
          <a:p>
            <a:pPr marL="171450" indent="-171450">
              <a:buFontTx/>
              <a:buChar char="-"/>
            </a:pPr>
            <a:r>
              <a:rPr lang="da-DK" dirty="0"/>
              <a:t>BA- og professionsbacheloruddannelser</a:t>
            </a:r>
          </a:p>
          <a:p>
            <a:pPr marL="171450" indent="-171450">
              <a:buFontTx/>
              <a:buChar char="-"/>
            </a:pPr>
            <a:r>
              <a:rPr lang="da-DK" dirty="0"/>
              <a:t>KA-uddannelser</a:t>
            </a:r>
          </a:p>
          <a:p>
            <a:pPr marL="171450" indent="-171450">
              <a:buFontTx/>
              <a:buChar char="-"/>
            </a:pPr>
            <a:r>
              <a:rPr lang="da-DK" dirty="0"/>
              <a:t>Engelsksprogede uddannelse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6664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/>
              <a:t>Overskrift i </a:t>
            </a:r>
            <a:r>
              <a:rPr lang="da-DK" err="1"/>
              <a:t>maks</a:t>
            </a:r>
            <a:r>
              <a:rPr lang="da-DK"/>
              <a:t> 2 linjer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/>
              <a:t>Klik for at indsætte tekst (f.eks. job titel)</a:t>
            </a:r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3" name="text" descr="{&quot;templafy&quot;:{&quot;id&quot;:&quot;f5936408-c6f1-40b1-93da-678073a024c2&quot;}}" title="UserProfile.Institut.InstituteDCU_{{DocumentLanguage}}">
            <a:extLst>
              <a:ext uri="{FF2B5EF4-FFF2-40B4-BE49-F238E27FC236}">
                <a16:creationId xmlns:a16="http://schemas.microsoft.com/office/drawing/2014/main" id="{6F8B435A-0213-B970-D5F7-2648FC6306F2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/>
              <a:t>SDU Uddannelse</a:t>
            </a:r>
          </a:p>
        </p:txBody>
      </p:sp>
      <p:cxnSp>
        <p:nvCxnSpPr>
          <p:cNvPr id="6" name="Straight Connector 26">
            <a:extLst>
              <a:ext uri="{FF2B5EF4-FFF2-40B4-BE49-F238E27FC236}">
                <a16:creationId xmlns:a16="http://schemas.microsoft.com/office/drawing/2014/main" id="{228842A5-1FF9-D93C-8707-51B9F0AD37F3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sdu.dk">
            <a:extLst>
              <a:ext uri="{FF2B5EF4-FFF2-40B4-BE49-F238E27FC236}">
                <a16:creationId xmlns:a16="http://schemas.microsoft.com/office/drawing/2014/main" id="{E79D3FC6-D337-C4B4-28B4-5C8A762C1D26}"/>
              </a:ext>
            </a:extLst>
          </p:cNvPr>
          <p:cNvSpPr/>
          <p:nvPr userDrawn="1"/>
        </p:nvSpPr>
        <p:spPr>
          <a:xfrm rot="5400000">
            <a:off x="11285235" y="613341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1B0DACB2-50D4-923B-ED44-D6F9D095833F}"/>
              </a:ext>
            </a:extLst>
          </p:cNvPr>
          <p:cNvSpPr/>
          <p:nvPr userDrawn="1"/>
        </p:nvSpPr>
        <p:spPr>
          <a:xfrm rot="5400000">
            <a:off x="11285235" y="1527742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2" name="Rectangle 6" descr="{&quot;templafy&quot;:{&quot;id&quot;:&quot;35825933-3313-4377-b2c6-0e875ad2adbf&quot;}}">
            <a:extLst>
              <a:ext uri="{FF2B5EF4-FFF2-40B4-BE49-F238E27FC236}">
                <a16:creationId xmlns:a16="http://schemas.microsoft.com/office/drawing/2014/main" id="{21511A01-30DA-99BE-AEA7-DEB98BAB2EF8}"/>
              </a:ext>
            </a:extLst>
          </p:cNvPr>
          <p:cNvSpPr/>
          <p:nvPr userDrawn="1"/>
        </p:nvSpPr>
        <p:spPr>
          <a:xfrm>
            <a:off x="9994757" y="6380665"/>
            <a:ext cx="1747678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1200">
                <a:solidFill>
                  <a:schemeClr val="tx1"/>
                </a:solidFill>
              </a:rPr>
              <a:t>Juni 2024</a:t>
            </a:r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7-07-2025</a:t>
            </a:fld>
            <a:endParaRPr lang="da-DK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Relationship Id="rId6" Type="http://schemas.openxmlformats.org/officeDocument/2006/relationships/diagramColors" Target="../diagrams/colors2.xml"/><Relationship Id="rId5" Type="http://schemas.openxmlformats.org/officeDocument/2006/relationships/diagramQuickStyle" Target="../diagrams/quickStyle2.xml"/><Relationship Id="rId4" Type="http://schemas.openxmlformats.org/officeDocument/2006/relationships/diagramLayout" Target="../diagrams/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hyperlink" Target="https://sdunet.dk/da/undervisning-og-eksamen/uddannelse/kvalitet/kvalitetspolitik" TargetMode="External"/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4.xml"/><Relationship Id="rId2" Type="http://schemas.openxmlformats.org/officeDocument/2006/relationships/diagramData" Target="../diagrams/data4.xml"/><Relationship Id="rId1" Type="http://schemas.openxmlformats.org/officeDocument/2006/relationships/slideLayout" Target="../slideLayouts/slideLayout1.xml"/><Relationship Id="rId6" Type="http://schemas.microsoft.com/office/2007/relationships/diagramDrawing" Target="../diagrams/drawing4.xml"/><Relationship Id="rId5" Type="http://schemas.openxmlformats.org/officeDocument/2006/relationships/diagramColors" Target="../diagrams/colors4.xml"/><Relationship Id="rId4" Type="http://schemas.openxmlformats.org/officeDocument/2006/relationships/diagramQuickStyle" Target="../diagrams/quickStyle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33E3DF7-E799-5E1C-7A68-F20B297E7F7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422EDC7-A246-4B94-90B5-70BD342711FC}" type="datetime1">
              <a:rPr lang="da-DK" smtClean="0"/>
              <a:t>07-07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C82AB5F-90B2-0A56-56E5-0470E633DC4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</a:t>
            </a:fld>
            <a:endParaRPr lang="da-DK"/>
          </a:p>
        </p:txBody>
      </p:sp>
      <p:graphicFrame>
        <p:nvGraphicFramePr>
          <p:cNvPr id="6" name="Diagram 5">
            <a:extLst>
              <a:ext uri="{FF2B5EF4-FFF2-40B4-BE49-F238E27FC236}">
                <a16:creationId xmlns:a16="http://schemas.microsoft.com/office/drawing/2014/main" id="{CF392C72-BAAA-02F5-5494-304B854EAC4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129695357"/>
              </p:ext>
            </p:extLst>
          </p:nvPr>
        </p:nvGraphicFramePr>
        <p:xfrm>
          <a:off x="1912203" y="712211"/>
          <a:ext cx="8125208" cy="564212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2" name="Tekstfelt 1">
            <a:extLst>
              <a:ext uri="{FF2B5EF4-FFF2-40B4-BE49-F238E27FC236}">
                <a16:creationId xmlns:a16="http://schemas.microsoft.com/office/drawing/2014/main" id="{7D45BDD8-D78B-543B-274E-992F4FDC5469}"/>
              </a:ext>
            </a:extLst>
          </p:cNvPr>
          <p:cNvSpPr txBox="1"/>
          <p:nvPr/>
        </p:nvSpPr>
        <p:spPr>
          <a:xfrm>
            <a:off x="1153659" y="283035"/>
            <a:ext cx="9642297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2000" b="1"/>
              <a:t>Uddannelsesstrategi</a:t>
            </a:r>
          </a:p>
        </p:txBody>
      </p:sp>
    </p:spTree>
    <p:extLst>
      <p:ext uri="{BB962C8B-B14F-4D97-AF65-F5344CB8AC3E}">
        <p14:creationId xmlns:p14="http://schemas.microsoft.com/office/powerpoint/2010/main" val="85166495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CC3F477-2053-115C-941F-9E6E41A24FC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D8EE7D85-F510-4818-AA88-C6062C5B96C9}" type="datetime1">
              <a:rPr lang="da-DK" smtClean="0"/>
              <a:t>07-07-2025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715E52BA-67B7-91A0-C420-1A651E025DD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3266"/>
            <a:ext cx="12192000" cy="6851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09917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B701E3F3-19BF-D8E3-D905-DFA6C836649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CEE20B2-FBA5-426D-91C6-5734CD3F398C}" type="datetime1">
              <a:rPr lang="da-DK" smtClean="0"/>
              <a:t>07-07-2025</a:t>
            </a:fld>
            <a:endParaRPr lang="da-DK" dirty="0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30EA5FC3-E527-3041-27BE-E96370376E2B}"/>
              </a:ext>
            </a:extLst>
          </p:cNvPr>
          <p:cNvSpPr txBox="1"/>
          <p:nvPr/>
        </p:nvSpPr>
        <p:spPr>
          <a:xfrm>
            <a:off x="96982" y="72624"/>
            <a:ext cx="4858702" cy="64633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400" b="1" dirty="0"/>
              <a:t>SDU`s principper for udvikling af uddannelsesporteføljen</a:t>
            </a:r>
          </a:p>
          <a:p>
            <a:endParaRPr lang="da-DK" sz="1400" b="1" dirty="0"/>
          </a:p>
          <a:p>
            <a:endParaRPr lang="da-DK" sz="1400" b="1" dirty="0" err="1"/>
          </a:p>
        </p:txBody>
      </p:sp>
      <p:graphicFrame>
        <p:nvGraphicFramePr>
          <p:cNvPr id="5" name="Tabel 4">
            <a:extLst>
              <a:ext uri="{FF2B5EF4-FFF2-40B4-BE49-F238E27FC236}">
                <a16:creationId xmlns:a16="http://schemas.microsoft.com/office/drawing/2014/main" id="{BC3E28F5-D3BC-C565-1C94-DD2604274B5B}"/>
              </a:ext>
            </a:extLst>
          </p:cNvPr>
          <p:cNvGraphicFramePr>
            <a:graphicFrameLocks noGrp="1"/>
          </p:cNvGraphicFramePr>
          <p:nvPr/>
        </p:nvGraphicFramePr>
        <p:xfrm>
          <a:off x="96982" y="332512"/>
          <a:ext cx="11998035" cy="6494429"/>
        </p:xfrm>
        <a:graphic>
          <a:graphicData uri="http://schemas.openxmlformats.org/drawingml/2006/table">
            <a:tbl>
              <a:tblPr firstRow="1" bandRow="1">
                <a:tableStyleId>{793D81CF-94F2-401A-BA57-92F5A7B2D0C5}</a:tableStyleId>
              </a:tblPr>
              <a:tblGrid>
                <a:gridCol w="3999345">
                  <a:extLst>
                    <a:ext uri="{9D8B030D-6E8A-4147-A177-3AD203B41FA5}">
                      <a16:colId xmlns:a16="http://schemas.microsoft.com/office/drawing/2014/main" val="3118750082"/>
                    </a:ext>
                  </a:extLst>
                </a:gridCol>
                <a:gridCol w="3999345">
                  <a:extLst>
                    <a:ext uri="{9D8B030D-6E8A-4147-A177-3AD203B41FA5}">
                      <a16:colId xmlns:a16="http://schemas.microsoft.com/office/drawing/2014/main" val="2067165661"/>
                    </a:ext>
                  </a:extLst>
                </a:gridCol>
                <a:gridCol w="3999345">
                  <a:extLst>
                    <a:ext uri="{9D8B030D-6E8A-4147-A177-3AD203B41FA5}">
                      <a16:colId xmlns:a16="http://schemas.microsoft.com/office/drawing/2014/main" val="911160016"/>
                    </a:ext>
                  </a:extLst>
                </a:gridCol>
              </a:tblGrid>
              <a:tr h="371546">
                <a:tc>
                  <a:txBody>
                    <a:bodyPr/>
                    <a:lstStyle/>
                    <a:p>
                      <a:r>
                        <a:rPr lang="da-DK" b="1" dirty="0"/>
                        <a:t>Strategisk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b="1" dirty="0"/>
                        <a:t>Politisk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b="1" dirty="0"/>
                        <a:t>Organisatorisk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26542646"/>
                  </a:ext>
                </a:extLst>
              </a:tr>
              <a:tr h="427533">
                <a:tc>
                  <a:txBody>
                    <a:bodyPr/>
                    <a:lstStyle/>
                    <a:p>
                      <a:r>
                        <a:rPr lang="da-DK" sz="1100" dirty="0"/>
                        <a:t>Efterspurgte værdiskabende dimittend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Politiske styringsrammer og ambitioner</a:t>
                      </a:r>
                    </a:p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Skaber ikke unødvendig kompleksitet og omkostninger</a:t>
                      </a:r>
                    </a:p>
                    <a:p>
                      <a:endParaRPr lang="da-DK" sz="11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11572907"/>
                  </a:ext>
                </a:extLst>
              </a:tr>
              <a:tr h="763452">
                <a:tc>
                  <a:txBody>
                    <a:bodyPr/>
                    <a:lstStyle/>
                    <a:p>
                      <a:r>
                        <a:rPr lang="da-DK" sz="1100" dirty="0"/>
                        <a:t>Region Syddanmarks behov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SDU udbyder BA- og </a:t>
                      </a:r>
                      <a:r>
                        <a:rPr lang="da-DK" sz="1100" dirty="0" err="1"/>
                        <a:t>prof.bach</a:t>
                      </a:r>
                      <a:r>
                        <a:rPr lang="da-DK" sz="1100" dirty="0"/>
                        <a:t>-uddannelser, der bidrager til attraktive uddannelses-, forsknings- og studiemiljøer på alle campusser.</a:t>
                      </a:r>
                    </a:p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SDU udbyder BA-uddannelser, der styringsmæssigt har sammenhæng til kandidatlandskabet.</a:t>
                      </a:r>
                    </a:p>
                    <a:p>
                      <a:endParaRPr lang="da-DK" sz="11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50114666"/>
                  </a:ext>
                </a:extLst>
              </a:tr>
              <a:tr h="427533">
                <a:tc>
                  <a:txBody>
                    <a:bodyPr/>
                    <a:lstStyle/>
                    <a:p>
                      <a:r>
                        <a:rPr lang="da-DK" sz="1100" dirty="0"/>
                        <a:t>Uddannelser i international klasse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Politiske styringsrammer og ambitioner</a:t>
                      </a:r>
                    </a:p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om udgangspunkt omlægges kun uddannelser, der optager mindst 25 studerende årligt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48739689"/>
                  </a:ext>
                </a:extLst>
              </a:tr>
              <a:tr h="595492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SDU udbyder BA-uddannelser af høj kvalitet med høj overgangsfrekvens til KA-uddannelser på SDU.</a:t>
                      </a:r>
                    </a:p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Planlagt vækst er et fælles anliggende at håndtere inden for den samlede ramme af uddannelsesplads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Det prioriteres, at hele uddannelser omlægges, men der kan omlægges delvist ved særlige hensyn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10273456"/>
                  </a:ext>
                </a:extLst>
              </a:tr>
              <a:tr h="763452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SDU udbyder </a:t>
                      </a:r>
                      <a:r>
                        <a:rPr lang="da-DK" sz="1100" dirty="0" err="1"/>
                        <a:t>prof.bach</a:t>
                      </a:r>
                      <a:r>
                        <a:rPr lang="da-DK" sz="1100" dirty="0"/>
                        <a:t> af høj kvalitet, der fører til beskæftigelse – særligt i Region Syddanmark.</a:t>
                      </a:r>
                    </a:p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DU udbyder campusporteføljer af 75 og 120 ECTS kandidatuddannelser, der bidrager til attraktive uddannelses-, forsknings- og studiemiljøer på alle campuss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DU udbyder engelsksprogede uddannelser, når det med en vis sandsynlighed kan estimeres, hvor mange engelsksprogede studerende der optage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85294891"/>
                  </a:ext>
                </a:extLst>
              </a:tr>
              <a:tr h="763452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SDU udbyder KA-uddannelser (75 og 120 ECTS) af høj kvalitet, der fører til beskæftigelse – særligt i Region Syddanmark.</a:t>
                      </a:r>
                    </a:p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DU udbyder engelsksprogede uddannelser, når der er særlig stor sandsynlighed for at tiltrække dygtige internationale studerende, og de studerende vil tage arbejde i Danmark efter endt uddannelse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41139906"/>
                  </a:ext>
                </a:extLst>
              </a:tr>
              <a:tr h="763452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SDU udbyder EKA (75 og 120 ECTS) og kandidattillægsforløb (45 ECTS) af høj kvalitet i forpligtende samarbejde med aftagere.</a:t>
                      </a:r>
                    </a:p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9130388"/>
                  </a:ext>
                </a:extLst>
              </a:tr>
              <a:tr h="595492">
                <a:tc>
                  <a:txBody>
                    <a:bodyPr/>
                    <a:lstStyle/>
                    <a:p>
                      <a:r>
                        <a:rPr lang="da-DK" sz="1100" dirty="0"/>
                        <a:t>KA-uddannelser bevares som 120 ECTS, når det er en væsentlig forudsætning for at levere dimittender med høj faglighed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75942325"/>
                  </a:ext>
                </a:extLst>
              </a:tr>
              <a:tr h="427533">
                <a:tc>
                  <a:txBody>
                    <a:bodyPr/>
                    <a:lstStyle/>
                    <a:p>
                      <a:r>
                        <a:rPr lang="da-DK" sz="1100" dirty="0"/>
                        <a:t>SDU udbyder uddannelser på engelsk, når der er særlig efterspørgsel fra danske virksomhede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93547293"/>
                  </a:ext>
                </a:extLst>
              </a:tr>
              <a:tr h="595492">
                <a:tc>
                  <a:txBody>
                    <a:bodyPr/>
                    <a:lstStyle/>
                    <a:p>
                      <a:r>
                        <a:rPr lang="da-DK" sz="1100" dirty="0"/>
                        <a:t>SDU udbyder engelsksprogede uddannelser med henblik på af at opretholde attraktive studie- og uddannelsesmiljø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30613315"/>
                  </a:ext>
                </a:extLst>
              </a:tr>
            </a:tbl>
          </a:graphicData>
        </a:graphic>
      </p:graphicFrame>
      <p:sp>
        <p:nvSpPr>
          <p:cNvPr id="2" name="Rektangel 1">
            <a:extLst>
              <a:ext uri="{FF2B5EF4-FFF2-40B4-BE49-F238E27FC236}">
                <a16:creationId xmlns:a16="http://schemas.microsoft.com/office/drawing/2014/main" id="{2C477183-446C-1930-4DA6-92FD94548F9E}"/>
              </a:ext>
            </a:extLst>
          </p:cNvPr>
          <p:cNvSpPr/>
          <p:nvPr/>
        </p:nvSpPr>
        <p:spPr>
          <a:xfrm>
            <a:off x="96982" y="2313432"/>
            <a:ext cx="3542330" cy="438912"/>
          </a:xfrm>
          <a:prstGeom prst="rect">
            <a:avLst/>
          </a:prstGeom>
          <a:noFill/>
          <a:ln w="57150"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9287D78B-C202-85D2-2DE9-F01C4E192257}"/>
              </a:ext>
            </a:extLst>
          </p:cNvPr>
          <p:cNvSpPr/>
          <p:nvPr/>
        </p:nvSpPr>
        <p:spPr>
          <a:xfrm>
            <a:off x="4126438" y="2319528"/>
            <a:ext cx="3837986" cy="438912"/>
          </a:xfrm>
          <a:prstGeom prst="rect">
            <a:avLst/>
          </a:prstGeom>
          <a:noFill/>
          <a:ln w="57150"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2D354E9F-E9F0-F6A4-108D-A89F3BF88DF0}"/>
              </a:ext>
            </a:extLst>
          </p:cNvPr>
          <p:cNvSpPr/>
          <p:nvPr/>
        </p:nvSpPr>
        <p:spPr>
          <a:xfrm>
            <a:off x="8013192" y="718955"/>
            <a:ext cx="3837986" cy="438912"/>
          </a:xfrm>
          <a:prstGeom prst="rect">
            <a:avLst/>
          </a:prstGeom>
          <a:noFill/>
          <a:ln w="57150"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13629049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6" grpId="0" animBg="1"/>
      <p:bldP spid="7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C887C0EA-D720-A9A1-A96A-C4F3B7651BA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760EE686-0530-4279-B72C-4A1369268D99}" type="datetime1">
              <a:rPr lang="da-DK" smtClean="0"/>
              <a:t>07-07-2025</a:t>
            </a:fld>
            <a:endParaRPr lang="da-DK" dirty="0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AB30A1DC-2104-3A35-6A83-8EBD22E24F3D}"/>
              </a:ext>
            </a:extLst>
          </p:cNvPr>
          <p:cNvSpPr txBox="1"/>
          <p:nvPr/>
        </p:nvSpPr>
        <p:spPr>
          <a:xfrm>
            <a:off x="1072055" y="704193"/>
            <a:ext cx="8529579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>
                <a:effectLst/>
                <a:latin typeface="Arial" panose="020B0604020202020204" pitchFamily="34" charset="0"/>
              </a:rPr>
              <a:t>Diverse måltal, og hvordan vi kommer til at navigere efter dem fremadrettet (BA, EU, 120 etc.)</a:t>
            </a:r>
          </a:p>
          <a:p>
            <a:endParaRPr lang="da-DK" sz="1600" dirty="0" err="1"/>
          </a:p>
        </p:txBody>
      </p:sp>
      <p:graphicFrame>
        <p:nvGraphicFramePr>
          <p:cNvPr id="5" name="Tabel 4">
            <a:extLst>
              <a:ext uri="{FF2B5EF4-FFF2-40B4-BE49-F238E27FC236}">
                <a16:creationId xmlns:a16="http://schemas.microsoft.com/office/drawing/2014/main" id="{38B5EB2F-11FD-4A9B-A243-A43A4FEE077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6143917"/>
              </p:ext>
            </p:extLst>
          </p:nvPr>
        </p:nvGraphicFramePr>
        <p:xfrm>
          <a:off x="441434" y="1334812"/>
          <a:ext cx="11309132" cy="4624554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827283">
                  <a:extLst>
                    <a:ext uri="{9D8B030D-6E8A-4147-A177-3AD203B41FA5}">
                      <a16:colId xmlns:a16="http://schemas.microsoft.com/office/drawing/2014/main" val="1785339401"/>
                    </a:ext>
                  </a:extLst>
                </a:gridCol>
                <a:gridCol w="2827283">
                  <a:extLst>
                    <a:ext uri="{9D8B030D-6E8A-4147-A177-3AD203B41FA5}">
                      <a16:colId xmlns:a16="http://schemas.microsoft.com/office/drawing/2014/main" val="2761623462"/>
                    </a:ext>
                  </a:extLst>
                </a:gridCol>
                <a:gridCol w="2827283">
                  <a:extLst>
                    <a:ext uri="{9D8B030D-6E8A-4147-A177-3AD203B41FA5}">
                      <a16:colId xmlns:a16="http://schemas.microsoft.com/office/drawing/2014/main" val="3992620453"/>
                    </a:ext>
                  </a:extLst>
                </a:gridCol>
                <a:gridCol w="2827283">
                  <a:extLst>
                    <a:ext uri="{9D8B030D-6E8A-4147-A177-3AD203B41FA5}">
                      <a16:colId xmlns:a16="http://schemas.microsoft.com/office/drawing/2014/main" val="3682465437"/>
                    </a:ext>
                  </a:extLst>
                </a:gridCol>
              </a:tblGrid>
              <a:tr h="627632">
                <a:tc>
                  <a:txBody>
                    <a:bodyPr/>
                    <a:lstStyle/>
                    <a:p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400" dirty="0"/>
                        <a:t>B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400" dirty="0"/>
                        <a:t>K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400" dirty="0"/>
                        <a:t>Engelsksprogede uddannels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79699119"/>
                  </a:ext>
                </a:extLst>
              </a:tr>
              <a:tr h="488157">
                <a:tc>
                  <a:txBody>
                    <a:bodyPr/>
                    <a:lstStyle/>
                    <a:p>
                      <a:pPr algn="l"/>
                      <a:r>
                        <a:rPr lang="da-DK" sz="1400" b="0" dirty="0"/>
                        <a:t>Loft </a:t>
                      </a:r>
                      <a:r>
                        <a:rPr lang="da-DK" sz="1400" b="0" dirty="0">
                          <a:latin typeface="Arial" panose="020B0604020202020204" pitchFamily="34" charset="0"/>
                        </a:rPr>
                        <a:t>2025 -2029 </a:t>
                      </a:r>
                      <a:endParaRPr lang="da-DK" sz="1400" b="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400" b="1" dirty="0">
                          <a:latin typeface="Arial" panose="020B0604020202020204" pitchFamily="34" charset="0"/>
                        </a:rPr>
                        <a:t>3656 årlig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endParaRPr lang="da-DK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b="1" dirty="0"/>
                        <a:t>141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065061724"/>
                  </a:ext>
                </a:extLst>
              </a:tr>
              <a:tr h="888371">
                <a:tc gridSpan="4"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400" b="1" dirty="0">
                        <a:latin typeface="Arial" panose="020B0604020202020204" pitchFamily="34" charset="0"/>
                      </a:endParaRP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400" b="1" dirty="0">
                          <a:latin typeface="Arial" panose="020B0604020202020204" pitchFamily="34" charset="0"/>
                        </a:rPr>
                        <a:t>Kort bane: </a:t>
                      </a:r>
                      <a:r>
                        <a:rPr lang="da-DK" sz="1400" i="1" dirty="0">
                          <a:latin typeface="Arial" panose="020B0604020202020204" pitchFamily="34" charset="0"/>
                        </a:rPr>
                        <a:t>at sikre fuld udnyttelse af ramme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400" b="1" dirty="0">
                          <a:latin typeface="Arial" panose="020B0604020202020204" pitchFamily="34" charset="0"/>
                        </a:rPr>
                        <a:t>Længere bane: </a:t>
                      </a:r>
                      <a:r>
                        <a:rPr lang="da-DK" sz="1400" i="1" dirty="0">
                          <a:latin typeface="Arial" panose="020B0604020202020204" pitchFamily="34" charset="0"/>
                        </a:rPr>
                        <a:t>Prioritering af samlet portefølje pba udbygning af campusbyer især Vejle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84848512"/>
                  </a:ext>
                </a:extLst>
              </a:tr>
              <a:tr h="528586">
                <a:tc>
                  <a:txBody>
                    <a:bodyPr/>
                    <a:lstStyle/>
                    <a:p>
                      <a:r>
                        <a:rPr lang="da-DK" sz="1400" dirty="0"/>
                        <a:t>Loft </a:t>
                      </a:r>
                      <a:r>
                        <a:rPr lang="da-DK" sz="1400" b="0" dirty="0">
                          <a:latin typeface="Arial" panose="020B0604020202020204" pitchFamily="34" charset="0"/>
                        </a:rPr>
                        <a:t>2028- 2029 </a:t>
                      </a:r>
                      <a:endParaRPr lang="da-DK" sz="1400" b="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 sz="14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400" b="1" dirty="0">
                          <a:latin typeface="Arial" panose="020B0604020202020204" pitchFamily="34" charset="0"/>
                        </a:rPr>
                        <a:t>2550 årlig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32411192"/>
                  </a:ext>
                </a:extLst>
              </a:tr>
              <a:tr h="528586">
                <a:tc>
                  <a:txBody>
                    <a:bodyPr/>
                    <a:lstStyle/>
                    <a:p>
                      <a:r>
                        <a:rPr lang="da-DK" sz="1400" dirty="0"/>
                        <a:t>Loft </a:t>
                      </a:r>
                      <a:r>
                        <a:rPr lang="da-DK" sz="1400" b="0" dirty="0">
                          <a:latin typeface="Arial" panose="020B0604020202020204" pitchFamily="34" charset="0"/>
                        </a:rPr>
                        <a:t>2030- 2031 </a:t>
                      </a:r>
                      <a:endParaRPr lang="da-DK" sz="1400" b="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 sz="14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400" b="1" dirty="0">
                          <a:latin typeface="Arial" panose="020B0604020202020204" pitchFamily="34" charset="0"/>
                        </a:rPr>
                        <a:t>2391 årlig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63657937"/>
                  </a:ext>
                </a:extLst>
              </a:tr>
              <a:tr h="520988">
                <a:tc>
                  <a:txBody>
                    <a:bodyPr/>
                    <a:lstStyle/>
                    <a:p>
                      <a:r>
                        <a:rPr lang="da-DK" sz="1400" dirty="0"/>
                        <a:t>Loft </a:t>
                      </a:r>
                      <a:r>
                        <a:rPr lang="da-DK" sz="1400" b="0" dirty="0">
                          <a:latin typeface="Arial" panose="020B0604020202020204" pitchFamily="34" charset="0"/>
                        </a:rPr>
                        <a:t>2032-</a:t>
                      </a:r>
                      <a:endParaRPr lang="da-DK" sz="1400" b="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400" b="1" dirty="0">
                          <a:latin typeface="Arial" panose="020B0604020202020204" pitchFamily="34" charset="0"/>
                        </a:rPr>
                        <a:t>2295 (afventer endelige tal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10861389"/>
                  </a:ext>
                </a:extLst>
              </a:tr>
              <a:tr h="1042234">
                <a:tc gridSpan="4">
                  <a:txBody>
                    <a:bodyPr/>
                    <a:lstStyle/>
                    <a:p>
                      <a:endParaRPr lang="da-DK" sz="1400" b="1" dirty="0">
                        <a:latin typeface="Arial" panose="020B0604020202020204" pitchFamily="34" charset="0"/>
                      </a:endParaRPr>
                    </a:p>
                    <a:p>
                      <a:r>
                        <a:rPr lang="da-DK" sz="1400" b="1" dirty="0">
                          <a:latin typeface="Arial" panose="020B0604020202020204" pitchFamily="34" charset="0"/>
                        </a:rPr>
                        <a:t>Kort bane: </a:t>
                      </a:r>
                      <a:r>
                        <a:rPr lang="da-DK" sz="1400" i="1" dirty="0">
                          <a:latin typeface="Arial" panose="020B0604020202020204" pitchFamily="34" charset="0"/>
                        </a:rPr>
                        <a:t>samlet plan for omlægning af uddannelser frem mod 2028 samt skitse for omlægning 2030- 2032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400" b="1" dirty="0">
                          <a:latin typeface="Arial" panose="020B0604020202020204" pitchFamily="34" charset="0"/>
                        </a:rPr>
                        <a:t>Lang bane: </a:t>
                      </a:r>
                      <a:r>
                        <a:rPr lang="da-DK" sz="1400" i="1" dirty="0">
                          <a:latin typeface="Arial" panose="020B0604020202020204" pitchFamily="34" charset="0"/>
                        </a:rPr>
                        <a:t>løbende monitorering af om udvikling i søge og optagsmønstre, hænger sammen med de planer, der er lagt. 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400" i="1" dirty="0">
                        <a:latin typeface="Arial" panose="020B0604020202020204" pitchFamily="34" charset="0"/>
                      </a:endParaRP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31864056"/>
                  </a:ext>
                </a:extLst>
              </a:tr>
            </a:tbl>
          </a:graphicData>
        </a:graphic>
      </p:graphicFrame>
      <p:sp>
        <p:nvSpPr>
          <p:cNvPr id="2" name="Rektangel 1">
            <a:extLst>
              <a:ext uri="{FF2B5EF4-FFF2-40B4-BE49-F238E27FC236}">
                <a16:creationId xmlns:a16="http://schemas.microsoft.com/office/drawing/2014/main" id="{2E98EA0F-4D35-C4DC-F1B8-FDCE988251B3}"/>
              </a:ext>
            </a:extLst>
          </p:cNvPr>
          <p:cNvSpPr/>
          <p:nvPr/>
        </p:nvSpPr>
        <p:spPr>
          <a:xfrm>
            <a:off x="4791456" y="1956816"/>
            <a:ext cx="1304544" cy="518160"/>
          </a:xfrm>
          <a:prstGeom prst="rect">
            <a:avLst/>
          </a:prstGeom>
          <a:noFill/>
          <a:ln w="57150"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7AA73334-8228-2BC5-C008-F2E1F895A0CD}"/>
              </a:ext>
            </a:extLst>
          </p:cNvPr>
          <p:cNvSpPr/>
          <p:nvPr/>
        </p:nvSpPr>
        <p:spPr>
          <a:xfrm>
            <a:off x="6382512" y="3316224"/>
            <a:ext cx="2535936" cy="1594104"/>
          </a:xfrm>
          <a:prstGeom prst="rect">
            <a:avLst/>
          </a:prstGeom>
          <a:noFill/>
          <a:ln w="57150"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39155225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6" grpId="0" animBg="1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Rektangel 25">
            <a:extLst>
              <a:ext uri="{FF2B5EF4-FFF2-40B4-BE49-F238E27FC236}">
                <a16:creationId xmlns:a16="http://schemas.microsoft.com/office/drawing/2014/main" id="{1831E1AB-B141-A4EE-4348-3D78D0E3295C}"/>
              </a:ext>
            </a:extLst>
          </p:cNvPr>
          <p:cNvSpPr/>
          <p:nvPr/>
        </p:nvSpPr>
        <p:spPr>
          <a:xfrm>
            <a:off x="8421624" y="3803904"/>
            <a:ext cx="3676904" cy="117957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933D339-93E1-58AD-4A76-50FD148042C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52152ACF-C3C1-4AAE-B7C5-7A7559447BF6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07-07-2025</a:t>
            </a:fld>
            <a:endParaRPr kumimoji="0" lang="da-DK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41ECEB5-DF23-42DD-F514-FEBCA3BEAB0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da-DK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6" name="Tabel 5">
            <a:extLst>
              <a:ext uri="{FF2B5EF4-FFF2-40B4-BE49-F238E27FC236}">
                <a16:creationId xmlns:a16="http://schemas.microsoft.com/office/drawing/2014/main" id="{649FD2D0-5F89-62B2-FF5F-7B74446198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002874266"/>
              </p:ext>
            </p:extLst>
          </p:nvPr>
        </p:nvGraphicFramePr>
        <p:xfrm>
          <a:off x="93472" y="673946"/>
          <a:ext cx="12007086" cy="5516882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923622">
                  <a:extLst>
                    <a:ext uri="{9D8B030D-6E8A-4147-A177-3AD203B41FA5}">
                      <a16:colId xmlns:a16="http://schemas.microsoft.com/office/drawing/2014/main" val="4266915182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1351834502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2811843000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2481589913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2567072852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1531344968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690446031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3720125455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3370882744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2675228421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3355686429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2871253872"/>
                    </a:ext>
                  </a:extLst>
                </a:gridCol>
                <a:gridCol w="923622">
                  <a:extLst>
                    <a:ext uri="{9D8B030D-6E8A-4147-A177-3AD203B41FA5}">
                      <a16:colId xmlns:a16="http://schemas.microsoft.com/office/drawing/2014/main" val="856865157"/>
                    </a:ext>
                  </a:extLst>
                </a:gridCol>
              </a:tblGrid>
              <a:tr h="715942"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2025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Mar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April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Maj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Juni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Juli</a:t>
                      </a:r>
                    </a:p>
                  </a:txBody>
                  <a:tcPr anchor="ctr">
                    <a:solidFill>
                      <a:schemeClr val="bg1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Aug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Sep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Okt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Nov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Dec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Jan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b="1"/>
                        <a:t>Feb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385321713"/>
                  </a:ext>
                </a:extLst>
              </a:tr>
              <a:tr h="1200235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1"/>
                        <a:t>Kvalite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solidFill>
                      <a:schemeClr val="bg1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b="1"/>
                        <a:t>Opsamling</a:t>
                      </a:r>
                      <a:r>
                        <a:rPr lang="da-DK" sz="1000"/>
                        <a:t> på uddannelseskvalitet i U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b="1"/>
                        <a:t>Opsamling</a:t>
                      </a:r>
                      <a:r>
                        <a:rPr lang="da-DK" sz="1000"/>
                        <a:t> på uddannelseskvalitet i DI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b="1"/>
                        <a:t>Opsamling</a:t>
                      </a:r>
                      <a:r>
                        <a:rPr lang="da-DK" sz="1000"/>
                        <a:t> på uddannelses kvalitet på SDU for bestyrelse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3807308"/>
                  </a:ext>
                </a:extLst>
              </a:tr>
              <a:tr h="1200235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1"/>
                        <a:t>Portefølje</a:t>
                      </a:r>
                    </a:p>
                    <a:p>
                      <a:endParaRPr lang="da-DK" sz="1200" b="1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solidFill>
                      <a:schemeClr val="bg1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b="1"/>
                        <a:t>UR/DIR-møde</a:t>
                      </a:r>
                    </a:p>
                    <a:p>
                      <a:pPr algn="ctr"/>
                      <a:r>
                        <a:rPr lang="da-DK" sz="1000"/>
                        <a:t>Prorektor laver oplæg til drøftelse</a:t>
                      </a:r>
                    </a:p>
                    <a:p>
                      <a:pPr algn="ctr"/>
                      <a:r>
                        <a:rPr lang="da-DK" sz="1000"/>
                        <a:t>Ultimo aug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b="1"/>
                        <a:t>UR-møde</a:t>
                      </a:r>
                    </a:p>
                    <a:p>
                      <a:pPr algn="ctr"/>
                      <a:r>
                        <a:rPr lang="da-DK" sz="1000"/>
                        <a:t>Drøftelse af ændringer af </a:t>
                      </a:r>
                      <a:r>
                        <a:rPr lang="da-DK" sz="1000" err="1"/>
                        <a:t>udd.port</a:t>
                      </a:r>
                      <a:r>
                        <a:rPr lang="da-DK" sz="1000"/>
                        <a:t> til indstilling til dir</a:t>
                      </a:r>
                    </a:p>
                    <a:p>
                      <a:pPr algn="ctr"/>
                      <a:r>
                        <a:rPr lang="da-DK" sz="1000"/>
                        <a:t>Primo sep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b="1"/>
                        <a:t>Dir-møde</a:t>
                      </a:r>
                    </a:p>
                    <a:p>
                      <a:pPr algn="ctr"/>
                      <a:r>
                        <a:rPr lang="da-DK" sz="1000" b="0" err="1"/>
                        <a:t>Udd.port</a:t>
                      </a:r>
                      <a:r>
                        <a:rPr lang="da-DK" sz="1000" b="0"/>
                        <a:t> besluttes</a:t>
                      </a:r>
                    </a:p>
                    <a:p>
                      <a:pPr algn="ctr"/>
                      <a:r>
                        <a:rPr lang="da-DK" sz="1000" b="0"/>
                        <a:t>Primo okt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72929154"/>
                  </a:ext>
                </a:extLst>
              </a:tr>
              <a:tr h="1200235">
                <a:tc>
                  <a:txBody>
                    <a:bodyPr/>
                    <a:lstStyle/>
                    <a:p>
                      <a:r>
                        <a:rPr lang="da-DK" sz="1200" b="1"/>
                        <a:t>Kapacite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solidFill>
                      <a:schemeClr val="bg1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/>
                        <a:t>Prorektor mødes med fakultetsledelse og drøfter statu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b="1"/>
                        <a:t>UR/DIR-møde</a:t>
                      </a:r>
                    </a:p>
                    <a:p>
                      <a:pPr algn="ctr"/>
                      <a:r>
                        <a:rPr lang="da-DK" sz="1000" b="0"/>
                        <a:t>Indstiller til rektorate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/>
                        <a:t>To møder</a:t>
                      </a:r>
                    </a:p>
                    <a:p>
                      <a:pPr algn="ctr"/>
                      <a:r>
                        <a:rPr lang="da-DK" sz="1000"/>
                        <a:t>Rektoratet indstiller og direktion godkender </a:t>
                      </a:r>
                      <a:r>
                        <a:rPr lang="da-DK" sz="1000" err="1"/>
                        <a:t>ift.uddannelser</a:t>
                      </a:r>
                      <a:r>
                        <a:rPr lang="da-DK" sz="1000"/>
                        <a:t>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482643"/>
                  </a:ext>
                </a:extLst>
              </a:tr>
              <a:tr h="1200235">
                <a:tc>
                  <a:txBody>
                    <a:bodyPr/>
                    <a:lstStyle/>
                    <a:p>
                      <a:r>
                        <a:rPr lang="da-DK" sz="1200" b="1"/>
                        <a:t>Strategi 2030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da-DK" sz="1000" b="1"/>
                        <a:t>Møderække</a:t>
                      </a:r>
                    </a:p>
                    <a:p>
                      <a:r>
                        <a:rPr lang="da-DK" sz="1000"/>
                        <a:t>Rektor og prorektor besøger fakulteter og F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>
                    <a:solidFill>
                      <a:schemeClr val="bg1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15422522"/>
                  </a:ext>
                </a:extLst>
              </a:tr>
            </a:tbl>
          </a:graphicData>
        </a:graphic>
      </p:graphicFrame>
      <p:sp>
        <p:nvSpPr>
          <p:cNvPr id="9" name="Rektangel 8">
            <a:extLst>
              <a:ext uri="{FF2B5EF4-FFF2-40B4-BE49-F238E27FC236}">
                <a16:creationId xmlns:a16="http://schemas.microsoft.com/office/drawing/2014/main" id="{02F634E7-5997-DFCB-8E42-CC91009073F3}"/>
              </a:ext>
            </a:extLst>
          </p:cNvPr>
          <p:cNvSpPr/>
          <p:nvPr/>
        </p:nvSpPr>
        <p:spPr>
          <a:xfrm>
            <a:off x="3152648" y="1444025"/>
            <a:ext cx="1344168" cy="905256"/>
          </a:xfrm>
          <a:prstGeom prst="rect">
            <a:avLst/>
          </a:prstGeom>
          <a:solidFill>
            <a:srgbClr val="FFFF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08B0D07-E7A5-8662-0334-F75C56B150CD}"/>
              </a:ext>
            </a:extLst>
          </p:cNvPr>
          <p:cNvSpPr txBox="1"/>
          <p:nvPr/>
        </p:nvSpPr>
        <p:spPr>
          <a:xfrm>
            <a:off x="3239516" y="1569640"/>
            <a:ext cx="1170432" cy="654025"/>
          </a:xfrm>
          <a:prstGeom prst="rect">
            <a:avLst/>
          </a:prstGeom>
          <a:solidFill>
            <a:srgbClr val="FFFFFF"/>
          </a:solidFill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tatusmød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rorektor mødes med fakultetsledelse</a:t>
            </a:r>
          </a:p>
        </p:txBody>
      </p:sp>
      <p:sp>
        <p:nvSpPr>
          <p:cNvPr id="11" name="Rektangel 10">
            <a:extLst>
              <a:ext uri="{FF2B5EF4-FFF2-40B4-BE49-F238E27FC236}">
                <a16:creationId xmlns:a16="http://schemas.microsoft.com/office/drawing/2014/main" id="{EA652820-48D9-B6BB-9D60-2739F8845708}"/>
              </a:ext>
            </a:extLst>
          </p:cNvPr>
          <p:cNvSpPr/>
          <p:nvPr/>
        </p:nvSpPr>
        <p:spPr>
          <a:xfrm>
            <a:off x="2999232" y="2673265"/>
            <a:ext cx="1596136" cy="905256"/>
          </a:xfrm>
          <a:prstGeom prst="rect">
            <a:avLst/>
          </a:prstGeom>
          <a:solidFill>
            <a:srgbClr val="FFFF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Uddannelsesportefølje</a:t>
            </a:r>
            <a:r>
              <a:rPr kumimoji="0" lang="da-DK" sz="10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status og behov drøftes som del af statusmøder</a:t>
            </a: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23415FE7-4FD9-247B-04DD-BAE8558CF800}"/>
              </a:ext>
            </a:extLst>
          </p:cNvPr>
          <p:cNvSpPr txBox="1"/>
          <p:nvPr/>
        </p:nvSpPr>
        <p:spPr>
          <a:xfrm>
            <a:off x="5766816" y="3729595"/>
            <a:ext cx="1596136" cy="461665"/>
          </a:xfrm>
          <a:prstGeom prst="rect">
            <a:avLst/>
          </a:prstGeom>
          <a:solidFill>
            <a:schemeClr val="accent5"/>
          </a:solidFill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Bilaterale møder mellem prorektor og fakulteter frem mod ur-møde</a:t>
            </a:r>
            <a:r>
              <a:rPr lang="da-DK" sz="1000" dirty="0">
                <a:solidFill>
                  <a:srgbClr val="000000"/>
                </a:solidFill>
                <a:latin typeface="Arial"/>
              </a:rPr>
              <a:t> primo </a:t>
            </a:r>
            <a:r>
              <a:rPr lang="da-DK" sz="1000" dirty="0" err="1">
                <a:solidFill>
                  <a:srgbClr val="000000"/>
                </a:solidFill>
                <a:latin typeface="Arial"/>
              </a:rPr>
              <a:t>sep</a:t>
            </a:r>
            <a:endParaRPr kumimoji="0" lang="da-DK" sz="10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7A3A0711-19FC-15DF-6CB3-D4EE5820EC03}"/>
              </a:ext>
            </a:extLst>
          </p:cNvPr>
          <p:cNvSpPr txBox="1"/>
          <p:nvPr/>
        </p:nvSpPr>
        <p:spPr>
          <a:xfrm>
            <a:off x="93472" y="165296"/>
            <a:ext cx="7357592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4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DU’s motorvej for centrale opfølgningsprocesser</a:t>
            </a: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FE0E2748-E490-6A65-2E9E-BFCDED5E76C7}"/>
              </a:ext>
            </a:extLst>
          </p:cNvPr>
          <p:cNvSpPr/>
          <p:nvPr/>
        </p:nvSpPr>
        <p:spPr>
          <a:xfrm>
            <a:off x="1124712" y="2394758"/>
            <a:ext cx="1508760" cy="685800"/>
          </a:xfrm>
          <a:prstGeom prst="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200" dirty="0"/>
              <a:t>Nye uddannelser - prækval</a:t>
            </a:r>
          </a:p>
        </p:txBody>
      </p:sp>
      <p:sp>
        <p:nvSpPr>
          <p:cNvPr id="3" name="Rektangel 2">
            <a:extLst>
              <a:ext uri="{FF2B5EF4-FFF2-40B4-BE49-F238E27FC236}">
                <a16:creationId xmlns:a16="http://schemas.microsoft.com/office/drawing/2014/main" id="{2C3681AC-AA1F-FBCA-0511-E3A8FAC0C57E}"/>
              </a:ext>
            </a:extLst>
          </p:cNvPr>
          <p:cNvSpPr/>
          <p:nvPr/>
        </p:nvSpPr>
        <p:spPr>
          <a:xfrm>
            <a:off x="1124712" y="1569640"/>
            <a:ext cx="1508760" cy="685800"/>
          </a:xfrm>
          <a:prstGeom prst="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200" dirty="0" err="1"/>
              <a:t>Udd.kval</a:t>
            </a:r>
            <a:r>
              <a:rPr lang="da-DK" sz="1200" dirty="0"/>
              <a:t>:</a:t>
            </a:r>
          </a:p>
          <a:p>
            <a:pPr algn="ctr"/>
            <a:r>
              <a:rPr lang="da-DK" sz="1200" dirty="0"/>
              <a:t>Overgangsfrekvens</a:t>
            </a:r>
          </a:p>
          <a:p>
            <a:pPr algn="ctr"/>
            <a:r>
              <a:rPr lang="da-DK" sz="1200" dirty="0"/>
              <a:t>Frafald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B59685D0-7F6A-0ECB-6CD0-5D9D3A32A3C1}"/>
              </a:ext>
            </a:extLst>
          </p:cNvPr>
          <p:cNvSpPr/>
          <p:nvPr/>
        </p:nvSpPr>
        <p:spPr>
          <a:xfrm>
            <a:off x="1124712" y="3219876"/>
            <a:ext cx="1508760" cy="685800"/>
          </a:xfrm>
          <a:prstGeom prst="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200" dirty="0"/>
              <a:t>Kandidatreform</a:t>
            </a:r>
          </a:p>
          <a:p>
            <a:pPr algn="ctr"/>
            <a:r>
              <a:rPr lang="da-DK" sz="1200" dirty="0"/>
              <a:t>Nye </a:t>
            </a:r>
            <a:r>
              <a:rPr lang="da-DK" sz="1200" dirty="0" err="1"/>
              <a:t>udd</a:t>
            </a:r>
            <a:r>
              <a:rPr lang="da-DK" sz="1200" dirty="0"/>
              <a:t>. former</a:t>
            </a:r>
          </a:p>
        </p:txBody>
      </p:sp>
      <p:sp>
        <p:nvSpPr>
          <p:cNvPr id="10" name="Rektangel 9">
            <a:extLst>
              <a:ext uri="{FF2B5EF4-FFF2-40B4-BE49-F238E27FC236}">
                <a16:creationId xmlns:a16="http://schemas.microsoft.com/office/drawing/2014/main" id="{663AF920-D192-8945-AC1E-FEF06A14DE29}"/>
              </a:ext>
            </a:extLst>
          </p:cNvPr>
          <p:cNvSpPr/>
          <p:nvPr/>
        </p:nvSpPr>
        <p:spPr>
          <a:xfrm>
            <a:off x="1124712" y="4038008"/>
            <a:ext cx="1508760" cy="685800"/>
          </a:xfrm>
          <a:prstGeom prst="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200" dirty="0"/>
              <a:t>Strategi for efter- og videreuddannelse</a:t>
            </a:r>
          </a:p>
        </p:txBody>
      </p:sp>
      <p:cxnSp>
        <p:nvCxnSpPr>
          <p:cNvPr id="15" name="Lige pilforbindelse 14">
            <a:extLst>
              <a:ext uri="{FF2B5EF4-FFF2-40B4-BE49-F238E27FC236}">
                <a16:creationId xmlns:a16="http://schemas.microsoft.com/office/drawing/2014/main" id="{18DC8B0F-EB2B-7001-B1D6-610C03BE8CB1}"/>
              </a:ext>
            </a:extLst>
          </p:cNvPr>
          <p:cNvCxnSpPr>
            <a:cxnSpLocks/>
          </p:cNvCxnSpPr>
          <p:nvPr/>
        </p:nvCxnSpPr>
        <p:spPr>
          <a:xfrm>
            <a:off x="2633472" y="1920240"/>
            <a:ext cx="868680" cy="70629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0F6295E5-C4F7-1177-312F-17DD09FD41E2}"/>
              </a:ext>
            </a:extLst>
          </p:cNvPr>
          <p:cNvCxnSpPr>
            <a:stCxn id="2" idx="3"/>
          </p:cNvCxnSpPr>
          <p:nvPr/>
        </p:nvCxnSpPr>
        <p:spPr>
          <a:xfrm>
            <a:off x="2633472" y="2737658"/>
            <a:ext cx="365760" cy="82334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3CCDB408-ED2C-F3D0-261E-8733BF493C49}"/>
              </a:ext>
            </a:extLst>
          </p:cNvPr>
          <p:cNvCxnSpPr>
            <a:stCxn id="7" idx="3"/>
          </p:cNvCxnSpPr>
          <p:nvPr/>
        </p:nvCxnSpPr>
        <p:spPr>
          <a:xfrm flipV="1">
            <a:off x="2633472" y="3314469"/>
            <a:ext cx="365760" cy="248307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Lige pilforbindelse 20">
            <a:extLst>
              <a:ext uri="{FF2B5EF4-FFF2-40B4-BE49-F238E27FC236}">
                <a16:creationId xmlns:a16="http://schemas.microsoft.com/office/drawing/2014/main" id="{2E0C02A1-0252-6193-B7CC-8CCBF0D9CD64}"/>
              </a:ext>
            </a:extLst>
          </p:cNvPr>
          <p:cNvCxnSpPr>
            <a:cxnSpLocks/>
          </p:cNvCxnSpPr>
          <p:nvPr/>
        </p:nvCxnSpPr>
        <p:spPr>
          <a:xfrm flipV="1">
            <a:off x="2633472" y="3578521"/>
            <a:ext cx="786384" cy="802735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17856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3" grpId="0" animBg="1"/>
      <p:bldP spid="7" grpId="0" animBg="1"/>
      <p:bldP spid="10" grpId="0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0D4E7A-AE2F-5FCC-B18C-D2287104F3B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Rektangel: afrundede hjørner 23">
            <a:extLst>
              <a:ext uri="{FF2B5EF4-FFF2-40B4-BE49-F238E27FC236}">
                <a16:creationId xmlns:a16="http://schemas.microsoft.com/office/drawing/2014/main" id="{364088F7-20E8-BB1E-4260-D7D981D6585A}"/>
              </a:ext>
            </a:extLst>
          </p:cNvPr>
          <p:cNvSpPr/>
          <p:nvPr/>
        </p:nvSpPr>
        <p:spPr>
          <a:xfrm>
            <a:off x="5181600" y="3000375"/>
            <a:ext cx="6448716" cy="3600450"/>
          </a:xfrm>
          <a:prstGeom prst="roundRect">
            <a:avLst/>
          </a:prstGeom>
          <a:solidFill>
            <a:schemeClr val="accent3"/>
          </a:solidFill>
          <a:ln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6507513-D68D-53EB-61CF-39715235B38A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422EDC7-A246-4B94-90B5-70BD342711FC}" type="datetime1">
              <a:rPr lang="da-DK" smtClean="0"/>
              <a:t>07-07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F295AEC-3E37-3E11-A0BA-4CED9FADFD46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/>
          </a:p>
        </p:txBody>
      </p:sp>
      <p:graphicFrame>
        <p:nvGraphicFramePr>
          <p:cNvPr id="6" name="Diagram 5">
            <a:extLst>
              <a:ext uri="{FF2B5EF4-FFF2-40B4-BE49-F238E27FC236}">
                <a16:creationId xmlns:a16="http://schemas.microsoft.com/office/drawing/2014/main" id="{6A45CEDE-E60A-A85D-5047-9185C075AB78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090209808"/>
              </p:ext>
            </p:extLst>
          </p:nvPr>
        </p:nvGraphicFramePr>
        <p:xfrm>
          <a:off x="-1900845" y="1041395"/>
          <a:ext cx="8125208" cy="564212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2" name="Tekstfelt 1">
            <a:extLst>
              <a:ext uri="{FF2B5EF4-FFF2-40B4-BE49-F238E27FC236}">
                <a16:creationId xmlns:a16="http://schemas.microsoft.com/office/drawing/2014/main" id="{DD6003E0-EEC6-74AF-3A4F-B7608739A60E}"/>
              </a:ext>
            </a:extLst>
          </p:cNvPr>
          <p:cNvSpPr txBox="1"/>
          <p:nvPr/>
        </p:nvSpPr>
        <p:spPr>
          <a:xfrm>
            <a:off x="-2659390" y="887506"/>
            <a:ext cx="9642297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2000" b="1" dirty="0"/>
              <a:t>Uddannelsesstrategi</a:t>
            </a:r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1D4A1B3E-B592-1F1D-8938-285D423CCECA}"/>
              </a:ext>
            </a:extLst>
          </p:cNvPr>
          <p:cNvSpPr txBox="1"/>
          <p:nvPr/>
        </p:nvSpPr>
        <p:spPr>
          <a:xfrm>
            <a:off x="5362575" y="3271334"/>
            <a:ext cx="62677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Projektleder for revideringen af </a:t>
            </a:r>
            <a:r>
              <a:rPr lang="da-DK" sz="1600" dirty="0" err="1"/>
              <a:t>SDUs</a:t>
            </a:r>
            <a:r>
              <a:rPr lang="da-DK" sz="1600" dirty="0"/>
              <a:t> kvalitetspolitik for uddannelse</a:t>
            </a:r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C407C5B7-5C7A-7168-A16E-C8983FB2A6EE}"/>
              </a:ext>
            </a:extLst>
          </p:cNvPr>
          <p:cNvSpPr txBox="1"/>
          <p:nvPr/>
        </p:nvSpPr>
        <p:spPr>
          <a:xfrm>
            <a:off x="5362575" y="3684340"/>
            <a:ext cx="4978927" cy="73866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Opfølgningsprocessen for uddannelseskvalitet på SDU</a:t>
            </a:r>
          </a:p>
          <a:p>
            <a:r>
              <a:rPr lang="da-DK" sz="1600" dirty="0"/>
              <a:t>Processen for </a:t>
            </a:r>
            <a:r>
              <a:rPr lang="da-DK" sz="1600" dirty="0" err="1"/>
              <a:t>SDUs</a:t>
            </a:r>
            <a:r>
              <a:rPr lang="da-DK" sz="1600" dirty="0"/>
              <a:t> uddannelsesportefølje</a:t>
            </a:r>
          </a:p>
          <a:p>
            <a:r>
              <a:rPr lang="da-DK" sz="1600" dirty="0"/>
              <a:t>Sekretær for SAK KVAL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B16FD36B-820A-7C0F-637B-72AFAEBF9507}"/>
              </a:ext>
            </a:extLst>
          </p:cNvPr>
          <p:cNvSpPr txBox="1"/>
          <p:nvPr/>
        </p:nvSpPr>
        <p:spPr>
          <a:xfrm>
            <a:off x="5362575" y="4580979"/>
            <a:ext cx="286296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Sekretær for Uddannelsesrådet</a:t>
            </a: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B41CD923-73A0-0D61-A812-85A55E28D99D}"/>
              </a:ext>
            </a:extLst>
          </p:cNvPr>
          <p:cNvSpPr txBox="1"/>
          <p:nvPr/>
        </p:nvSpPr>
        <p:spPr>
          <a:xfrm>
            <a:off x="5381916" y="4993985"/>
            <a:ext cx="561692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Prækvalifikation af nye uddannelser</a:t>
            </a:r>
          </a:p>
          <a:p>
            <a:r>
              <a:rPr lang="da-DK" sz="1600" dirty="0"/>
              <a:t>Sekretær for styregruppen for studenterrettede undersøgelser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3BFE10F5-F9BC-E9EE-7824-25D22E12B447}"/>
              </a:ext>
            </a:extLst>
          </p:cNvPr>
          <p:cNvSpPr txBox="1"/>
          <p:nvPr/>
        </p:nvSpPr>
        <p:spPr>
          <a:xfrm>
            <a:off x="5381916" y="5641919"/>
            <a:ext cx="415979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Livslang læring og efter- og videreuddannelse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E5B0CAC7-9DFD-28D3-0346-71D5679F00DB}"/>
              </a:ext>
            </a:extLst>
          </p:cNvPr>
          <p:cNvSpPr txBox="1"/>
          <p:nvPr/>
        </p:nvSpPr>
        <p:spPr>
          <a:xfrm>
            <a:off x="5381916" y="6043631"/>
            <a:ext cx="329737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Implementering af kandidatreformen</a:t>
            </a:r>
          </a:p>
        </p:txBody>
      </p: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5A09A907-5356-851A-3D64-B725D3A46B35}"/>
              </a:ext>
            </a:extLst>
          </p:cNvPr>
          <p:cNvCxnSpPr/>
          <p:nvPr/>
        </p:nvCxnSpPr>
        <p:spPr>
          <a:xfrm flipV="1">
            <a:off x="4029075" y="3394444"/>
            <a:ext cx="1219200" cy="659228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Lige pilforbindelse 14">
            <a:extLst>
              <a:ext uri="{FF2B5EF4-FFF2-40B4-BE49-F238E27FC236}">
                <a16:creationId xmlns:a16="http://schemas.microsoft.com/office/drawing/2014/main" id="{FBB0209A-D0B8-F476-3102-824F6734BF01}"/>
              </a:ext>
            </a:extLst>
          </p:cNvPr>
          <p:cNvCxnSpPr/>
          <p:nvPr/>
        </p:nvCxnSpPr>
        <p:spPr>
          <a:xfrm flipV="1">
            <a:off x="4029075" y="4053672"/>
            <a:ext cx="1219200" cy="369332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FD625AC5-DF12-7427-9A94-2BB4128944CB}"/>
              </a:ext>
            </a:extLst>
          </p:cNvPr>
          <p:cNvCxnSpPr/>
          <p:nvPr/>
        </p:nvCxnSpPr>
        <p:spPr>
          <a:xfrm>
            <a:off x="4029075" y="4704089"/>
            <a:ext cx="1219200" cy="0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BFD14874-56F3-56D8-5F30-A0D190C45288}"/>
              </a:ext>
            </a:extLst>
          </p:cNvPr>
          <p:cNvCxnSpPr/>
          <p:nvPr/>
        </p:nvCxnSpPr>
        <p:spPr>
          <a:xfrm>
            <a:off x="4029075" y="4993985"/>
            <a:ext cx="1219200" cy="149515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Lige pilforbindelse 20">
            <a:extLst>
              <a:ext uri="{FF2B5EF4-FFF2-40B4-BE49-F238E27FC236}">
                <a16:creationId xmlns:a16="http://schemas.microsoft.com/office/drawing/2014/main" id="{5ECBE1CA-27B5-42C5-AE66-FA8E532E082E}"/>
              </a:ext>
            </a:extLst>
          </p:cNvPr>
          <p:cNvCxnSpPr/>
          <p:nvPr/>
        </p:nvCxnSpPr>
        <p:spPr>
          <a:xfrm>
            <a:off x="4029075" y="5391150"/>
            <a:ext cx="1276350" cy="37387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AEC5330A-52CB-2D7C-913A-AA80D2002E75}"/>
              </a:ext>
            </a:extLst>
          </p:cNvPr>
          <p:cNvCxnSpPr/>
          <p:nvPr/>
        </p:nvCxnSpPr>
        <p:spPr>
          <a:xfrm>
            <a:off x="4029075" y="5765029"/>
            <a:ext cx="1219200" cy="401712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kstfelt 24">
            <a:extLst>
              <a:ext uri="{FF2B5EF4-FFF2-40B4-BE49-F238E27FC236}">
                <a16:creationId xmlns:a16="http://schemas.microsoft.com/office/drawing/2014/main" id="{AFDD3522-2C2D-F20B-80EB-8EDA41EF5542}"/>
              </a:ext>
            </a:extLst>
          </p:cNvPr>
          <p:cNvSpPr txBox="1"/>
          <p:nvPr/>
        </p:nvSpPr>
        <p:spPr>
          <a:xfrm>
            <a:off x="5673044" y="2598418"/>
            <a:ext cx="5646802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b="1" dirty="0"/>
              <a:t>Løbende ad hoc understøttelse af særligt prorektor</a:t>
            </a:r>
          </a:p>
        </p:txBody>
      </p:sp>
    </p:spTree>
    <p:extLst>
      <p:ext uri="{BB962C8B-B14F-4D97-AF65-F5344CB8AC3E}">
        <p14:creationId xmlns:p14="http://schemas.microsoft.com/office/powerpoint/2010/main" val="40345400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4" grpId="0" animBg="1"/>
      <p:bldP spid="3" grpId="0"/>
      <p:bldP spid="7" grpId="0"/>
      <p:bldP spid="8" grpId="0"/>
      <p:bldP spid="9" grpId="0"/>
      <p:bldP spid="10" grpId="0"/>
      <p:bldP spid="11" grpId="0"/>
      <p:bldP spid="25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1">
            <a:extLst>
              <a:ext uri="{FF2B5EF4-FFF2-40B4-BE49-F238E27FC236}">
                <a16:creationId xmlns:a16="http://schemas.microsoft.com/office/drawing/2014/main" id="{8A5443E7-CB70-6CC0-0F4E-4F79D4F216E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/>
          <a:lstStyle/>
          <a:p>
            <a:r>
              <a:rPr lang="en-US" dirty="0" err="1"/>
              <a:t>Aktuelle</a:t>
            </a:r>
            <a:r>
              <a:rPr lang="en-US" dirty="0"/>
              <a:t> </a:t>
            </a:r>
            <a:r>
              <a:rPr lang="en-US" dirty="0" err="1"/>
              <a:t>opgaver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Strategi og Kvalitet 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22D7597-C37F-3735-4DEF-B6B696E1AF95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A6161118-E8C2-4D23-BDCB-DBA610AC0DE9}" type="datetime1">
              <a:rPr lang="da-DK" smtClean="0"/>
              <a:pPr>
                <a:spcAft>
                  <a:spcPts val="600"/>
                </a:spcAft>
              </a:pPr>
              <a:t>07-07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BCB6D01-0D8C-5157-306D-2505F4BF068A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3</a:t>
            </a:fld>
            <a:endParaRPr lang="da-DK"/>
          </a:p>
        </p:txBody>
      </p:sp>
      <p:graphicFrame>
        <p:nvGraphicFramePr>
          <p:cNvPr id="10" name="Tekstfelt 6">
            <a:extLst>
              <a:ext uri="{FF2B5EF4-FFF2-40B4-BE49-F238E27FC236}">
                <a16:creationId xmlns:a16="http://schemas.microsoft.com/office/drawing/2014/main" id="{FFBFD082-7183-4238-0A8E-B5D9AA8DA6D5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298975724"/>
              </p:ext>
            </p:extLst>
          </p:nvPr>
        </p:nvGraphicFramePr>
        <p:xfrm>
          <a:off x="411163" y="1989138"/>
          <a:ext cx="10961237" cy="38644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57015257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B87429D8-2693-AFD6-E3C8-B9F64420A9D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89FD06A-4481-4445-BCF8-EC24112C8F2B}" type="datetime1">
              <a:rPr lang="da-DK" smtClean="0"/>
              <a:t>07-07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BA7216C1-4E26-21FE-83FC-BCEEFC2083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0FD29E77-693B-0F31-E5ED-EFC4AEA0CE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94465" y="175758"/>
            <a:ext cx="11603069" cy="6506483"/>
          </a:xfrm>
          <a:prstGeom prst="rect">
            <a:avLst/>
          </a:prstGeom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16F72A23-C932-C73D-EAE3-304D9A0F0136}"/>
              </a:ext>
            </a:extLst>
          </p:cNvPr>
          <p:cNvSpPr txBox="1"/>
          <p:nvPr/>
        </p:nvSpPr>
        <p:spPr>
          <a:xfrm>
            <a:off x="294465" y="175758"/>
            <a:ext cx="3985065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 err="1"/>
              <a:t>SDUs</a:t>
            </a:r>
            <a:r>
              <a:rPr lang="da-DK" sz="2400" b="1" dirty="0"/>
              <a:t> kvalitetsorganisation</a:t>
            </a:r>
          </a:p>
        </p:txBody>
      </p:sp>
    </p:spTree>
    <p:extLst>
      <p:ext uri="{BB962C8B-B14F-4D97-AF65-F5344CB8AC3E}">
        <p14:creationId xmlns:p14="http://schemas.microsoft.com/office/powerpoint/2010/main" val="302435912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6392E4-07D7-A9E9-96F8-DAC51363B52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1097BBE-8380-5083-ED68-87847F04AC5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C75DB52-8246-4167-8804-BB2DE00A8D26}" type="datetime1">
              <a:rPr lang="da-DK" smtClean="0"/>
              <a:t>07-07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72455E5-D329-87B2-08F6-1DAEE929682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AEF72115-5395-B21A-70FC-3E55474F882C}"/>
              </a:ext>
            </a:extLst>
          </p:cNvPr>
          <p:cNvSpPr/>
          <p:nvPr/>
        </p:nvSpPr>
        <p:spPr>
          <a:xfrm>
            <a:off x="10820400" y="6153150"/>
            <a:ext cx="1152525" cy="4953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2" name="Picture 1" descr="A diagram of a diagram&#10;&#10;Description automatically generated with medium confidence">
            <a:extLst>
              <a:ext uri="{FF2B5EF4-FFF2-40B4-BE49-F238E27FC236}">
                <a16:creationId xmlns:a16="http://schemas.microsoft.com/office/drawing/2014/main" id="{92FAE018-4B0D-2E0D-C1A6-30F47E33D95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944368" y="895829"/>
            <a:ext cx="8371233" cy="5066342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0C97241F-8C86-583C-BD71-C6DF96501BF5}"/>
              </a:ext>
            </a:extLst>
          </p:cNvPr>
          <p:cNvSpPr txBox="1"/>
          <p:nvPr/>
        </p:nvSpPr>
        <p:spPr>
          <a:xfrm>
            <a:off x="233172" y="895829"/>
            <a:ext cx="4695444" cy="223490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65760" indent="-365760">
              <a:spcBef>
                <a:spcPts val="1200"/>
              </a:spcBef>
              <a:buNone/>
            </a:pPr>
            <a:r>
              <a:rPr lang="da-DK" sz="1600" b="1" dirty="0">
                <a:solidFill>
                  <a:srgbClr val="879141"/>
                </a:solidFill>
                <a:effectLst/>
                <a:latin typeface="Arial" panose="020B0604020202020204" pitchFamily="34" charset="0"/>
                <a:ea typeface="MS Gothic" panose="020B0609070205080204" pitchFamily="49" charset="-128"/>
                <a:cs typeface="Times New Roman" panose="02020603050405020304" pitchFamily="18" charset="0"/>
              </a:rPr>
              <a:t>Generelle principper for opfølgningsprocesser</a:t>
            </a:r>
          </a:p>
          <a:p>
            <a:pPr marL="365760" indent="-365760">
              <a:spcBef>
                <a:spcPts val="1200"/>
              </a:spcBef>
              <a:buNone/>
            </a:pPr>
            <a:endParaRPr lang="da-DK" dirty="0">
              <a:solidFill>
                <a:srgbClr val="879141"/>
              </a:solidFill>
              <a:effectLst/>
              <a:latin typeface="Arial" panose="020B0604020202020204" pitchFamily="34" charset="0"/>
              <a:ea typeface="MS Gothic" panose="020B0609070205080204" pitchFamily="49" charset="-128"/>
              <a:cs typeface="Times New Roman" panose="02020603050405020304" pitchFamily="18" charset="0"/>
            </a:endParaRPr>
          </a:p>
          <a:p>
            <a:pPr marL="342900" lvl="0" indent="-342900">
              <a:lnSpc>
                <a:spcPct val="115000"/>
              </a:lnSpc>
              <a:buFont typeface="Symbol" panose="05050102010706020507" pitchFamily="18" charset="2"/>
              <a:buChar char=""/>
            </a:pPr>
            <a:r>
              <a:rPr lang="da-DK" sz="1400" b="1" dirty="0">
                <a:effectLst/>
                <a:ea typeface="Arial" panose="020B0604020202020204" pitchFamily="34" charset="0"/>
                <a:cs typeface="Times New Roman" panose="02020603050405020304" pitchFamily="18" charset="0"/>
              </a:rPr>
              <a:t>Opfølgning på alle niveauer og op gennem og tilbage gennem organisationen</a:t>
            </a:r>
            <a:endParaRPr lang="da-DK" sz="1400" dirty="0">
              <a:effectLst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lnSpc>
                <a:spcPct val="115000"/>
              </a:lnSpc>
              <a:buFont typeface="Symbol" panose="05050102010706020507" pitchFamily="18" charset="2"/>
              <a:buChar char=""/>
            </a:pPr>
            <a:r>
              <a:rPr lang="da-DK" sz="1400" b="1" dirty="0">
                <a:effectLst/>
                <a:ea typeface="Arial" panose="020B0604020202020204" pitchFamily="34" charset="0"/>
                <a:cs typeface="Times New Roman" panose="02020603050405020304" pitchFamily="18" charset="0"/>
              </a:rPr>
              <a:t>Dialog er centralt for opfølgningsprocesser</a:t>
            </a:r>
            <a:endParaRPr lang="da-DK" sz="1400" dirty="0">
              <a:effectLst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lnSpc>
                <a:spcPct val="115000"/>
              </a:lnSpc>
              <a:buFont typeface="Symbol" panose="05050102010706020507" pitchFamily="18" charset="2"/>
              <a:buChar char=""/>
            </a:pPr>
            <a:r>
              <a:rPr lang="da-DK" sz="1400" b="1" dirty="0">
                <a:effectLst/>
                <a:ea typeface="Arial" panose="020B0604020202020204" pitchFamily="34" charset="0"/>
                <a:cs typeface="Times New Roman" panose="02020603050405020304" pitchFamily="18" charset="0"/>
              </a:rPr>
              <a:t>Den overordnede opfølgning afspejler systematisk arbejde med kvalitetssikring og udvikling</a:t>
            </a:r>
            <a:endParaRPr lang="da-DK" sz="1400" dirty="0">
              <a:effectLst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4635313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E55AC26-361C-A25C-B05F-9EAB2EA20EE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C75DB52-8246-4167-8804-BB2DE00A8D26}" type="datetime1">
              <a:rPr lang="da-DK" smtClean="0"/>
              <a:t>07-07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DFCE8C8D-A8AE-48E8-CB61-244E45278F36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04E84E51-CC85-280B-806D-325EFEF2E19E}"/>
              </a:ext>
            </a:extLst>
          </p:cNvPr>
          <p:cNvSpPr/>
          <p:nvPr/>
        </p:nvSpPr>
        <p:spPr>
          <a:xfrm>
            <a:off x="10820400" y="6153150"/>
            <a:ext cx="1152525" cy="4953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8" name="Billede 7">
            <a:hlinkClick r:id="rId2"/>
            <a:extLst>
              <a:ext uri="{FF2B5EF4-FFF2-40B4-BE49-F238E27FC236}">
                <a16:creationId xmlns:a16="http://schemas.microsoft.com/office/drawing/2014/main" id="{6E3489E0-097E-EA09-BF63-3BA93F61980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68261" y="369221"/>
            <a:ext cx="7855478" cy="6119558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extLst>
      <p:ext uri="{BB962C8B-B14F-4D97-AF65-F5344CB8AC3E}">
        <p14:creationId xmlns:p14="http://schemas.microsoft.com/office/powerpoint/2010/main" val="227806214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4F55DD7-0E5E-6750-2301-D164D420380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9AA319F-0BBE-4138-13EA-912A8FB0A64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C75DB52-8246-4167-8804-BB2DE00A8D26}" type="datetime1">
              <a:rPr lang="da-DK" smtClean="0"/>
              <a:t>07-07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B51AB9F-CC58-5585-082F-4082D6B1D0F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B8D4C838-286A-2A0B-10F7-1E9F797CACE5}"/>
              </a:ext>
            </a:extLst>
          </p:cNvPr>
          <p:cNvSpPr/>
          <p:nvPr/>
        </p:nvSpPr>
        <p:spPr>
          <a:xfrm>
            <a:off x="10820400" y="6153150"/>
            <a:ext cx="1152525" cy="4953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7" name="Billede 6" descr="Et billede, der indeholder tekst, skærmbillede&#10;&#10;Indhold genereret af kunstig intelligens kan være forkert.">
            <a:extLst>
              <a:ext uri="{FF2B5EF4-FFF2-40B4-BE49-F238E27FC236}">
                <a16:creationId xmlns:a16="http://schemas.microsoft.com/office/drawing/2014/main" id="{A4C70CEF-8FAE-AA5F-D406-D5FC2230626F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3267" y="790956"/>
            <a:ext cx="10705466" cy="52760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847185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4979DC4A-F75E-A099-41F7-009B4F2723E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C222563-E777-434E-B6DD-367671950373}" type="datetime1">
              <a:rPr lang="da-DK" smtClean="0"/>
              <a:t>07-07-2025</a:t>
            </a:fld>
            <a:endParaRPr lang="da-DK"/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6E7DE710-5CFA-04F7-727E-995797020CFE}"/>
              </a:ext>
            </a:extLst>
          </p:cNvPr>
          <p:cNvGraphicFramePr/>
          <p:nvPr/>
        </p:nvGraphicFramePr>
        <p:xfrm>
          <a:off x="129540" y="-1163998"/>
          <a:ext cx="11932920" cy="571771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Tekstfelt 4">
            <a:extLst>
              <a:ext uri="{FF2B5EF4-FFF2-40B4-BE49-F238E27FC236}">
                <a16:creationId xmlns:a16="http://schemas.microsoft.com/office/drawing/2014/main" id="{8CD09829-9E31-81EA-FF80-C132F636FB47}"/>
              </a:ext>
            </a:extLst>
          </p:cNvPr>
          <p:cNvSpPr txBox="1"/>
          <p:nvPr/>
        </p:nvSpPr>
        <p:spPr>
          <a:xfrm>
            <a:off x="704088" y="500620"/>
            <a:ext cx="1057981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000" b="1" dirty="0"/>
              <a:t>Opfølgningsproces for Fællesadministrationens understøttelse af uddannelseskvalitet</a:t>
            </a:r>
          </a:p>
        </p:txBody>
      </p:sp>
      <p:graphicFrame>
        <p:nvGraphicFramePr>
          <p:cNvPr id="6" name="Tabel 5">
            <a:extLst>
              <a:ext uri="{FF2B5EF4-FFF2-40B4-BE49-F238E27FC236}">
                <a16:creationId xmlns:a16="http://schemas.microsoft.com/office/drawing/2014/main" id="{E1F1415C-6BED-7F8A-6E39-E144244562FC}"/>
              </a:ext>
            </a:extLst>
          </p:cNvPr>
          <p:cNvGraphicFramePr>
            <a:graphicFrameLocks noGrp="1"/>
          </p:cNvGraphicFramePr>
          <p:nvPr/>
        </p:nvGraphicFramePr>
        <p:xfrm>
          <a:off x="283464" y="2585042"/>
          <a:ext cx="11686030" cy="32004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337206">
                  <a:extLst>
                    <a:ext uri="{9D8B030D-6E8A-4147-A177-3AD203B41FA5}">
                      <a16:colId xmlns:a16="http://schemas.microsoft.com/office/drawing/2014/main" val="1152951345"/>
                    </a:ext>
                  </a:extLst>
                </a:gridCol>
                <a:gridCol w="2337206">
                  <a:extLst>
                    <a:ext uri="{9D8B030D-6E8A-4147-A177-3AD203B41FA5}">
                      <a16:colId xmlns:a16="http://schemas.microsoft.com/office/drawing/2014/main" val="2826206051"/>
                    </a:ext>
                  </a:extLst>
                </a:gridCol>
                <a:gridCol w="2337206">
                  <a:extLst>
                    <a:ext uri="{9D8B030D-6E8A-4147-A177-3AD203B41FA5}">
                      <a16:colId xmlns:a16="http://schemas.microsoft.com/office/drawing/2014/main" val="2699397757"/>
                    </a:ext>
                  </a:extLst>
                </a:gridCol>
                <a:gridCol w="2337206">
                  <a:extLst>
                    <a:ext uri="{9D8B030D-6E8A-4147-A177-3AD203B41FA5}">
                      <a16:colId xmlns:a16="http://schemas.microsoft.com/office/drawing/2014/main" val="4133835516"/>
                    </a:ext>
                  </a:extLst>
                </a:gridCol>
                <a:gridCol w="2337206">
                  <a:extLst>
                    <a:ext uri="{9D8B030D-6E8A-4147-A177-3AD203B41FA5}">
                      <a16:colId xmlns:a16="http://schemas.microsoft.com/office/drawing/2014/main" val="181824466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marL="342900" indent="-342900">
                        <a:buAutoNum type="arabicPeriod"/>
                      </a:pPr>
                      <a:r>
                        <a:rPr lang="da-DK" dirty="0"/>
                        <a:t>Maj</a:t>
                      </a:r>
                    </a:p>
                    <a:p>
                      <a:pPr marL="0" indent="0">
                        <a:buNone/>
                      </a:pPr>
                      <a:endParaRPr lang="da-DK" sz="1200" dirty="0"/>
                    </a:p>
                    <a:p>
                      <a:pPr marL="0" indent="0">
                        <a:buNone/>
                      </a:pPr>
                      <a:r>
                        <a:rPr lang="da-DK" sz="1200" dirty="0"/>
                        <a:t>Skabelon sendes til områdeledere</a:t>
                      </a:r>
                    </a:p>
                    <a:p>
                      <a:pPr marL="0" indent="0">
                        <a:buNone/>
                      </a:pPr>
                      <a:endParaRPr lang="da-DK" sz="1200" dirty="0"/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800" dirty="0"/>
                        <a:t>30. Maj</a:t>
                      </a:r>
                    </a:p>
                    <a:p>
                      <a:pPr marL="0" indent="0">
                        <a:buNone/>
                      </a:pPr>
                      <a:endParaRPr lang="da-DK" sz="1200" dirty="0"/>
                    </a:p>
                    <a:p>
                      <a:pPr marL="0" indent="0">
                        <a:buNone/>
                      </a:pPr>
                      <a:r>
                        <a:rPr lang="da-DK" sz="1200" dirty="0"/>
                        <a:t>Deadline for udfyldning af skabelon</a:t>
                      </a:r>
                    </a:p>
                    <a:p>
                      <a:pPr marL="0" indent="0">
                        <a:buNone/>
                      </a:pP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2. Juni</a:t>
                      </a:r>
                    </a:p>
                    <a:p>
                      <a:r>
                        <a:rPr lang="da-DK" sz="1200" b="1" dirty="0"/>
                        <a:t>Deadline for at fakulteterne kan sende bemærkninger til understøttelsen af uddannelseskvaliteten</a:t>
                      </a:r>
                    </a:p>
                    <a:p>
                      <a:endParaRPr lang="da-DK" dirty="0"/>
                    </a:p>
                    <a:p>
                      <a:r>
                        <a:rPr lang="da-DK" dirty="0"/>
                        <a:t>16. Juni</a:t>
                      </a:r>
                    </a:p>
                    <a:p>
                      <a:r>
                        <a:rPr lang="da-DK" sz="1200" dirty="0"/>
                        <a:t>Områdechefer modtager fakulteternes bemærkninger</a:t>
                      </a:r>
                    </a:p>
                    <a:p>
                      <a:endParaRPr lang="da-DK" sz="1200" dirty="0"/>
                    </a:p>
                    <a:p>
                      <a:r>
                        <a:rPr lang="da-DK" sz="1800" dirty="0"/>
                        <a:t>25-27 juni</a:t>
                      </a:r>
                    </a:p>
                    <a:p>
                      <a:r>
                        <a:rPr lang="da-DK" sz="1200" dirty="0"/>
                        <a:t>Uformelle bilaterale samtaler med fakulteterne om </a:t>
                      </a:r>
                      <a:r>
                        <a:rPr lang="da-DK" sz="1200" dirty="0" err="1"/>
                        <a:t>FA’s</a:t>
                      </a:r>
                      <a:r>
                        <a:rPr lang="da-DK" sz="1200" dirty="0"/>
                        <a:t> understøttelse af uddannelseskvalite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800" dirty="0"/>
                        <a:t>2. Juli</a:t>
                      </a:r>
                    </a:p>
                    <a:p>
                      <a:r>
                        <a:rPr lang="da-DK" sz="1200" dirty="0"/>
                        <a:t>Bilaterale samtaler med områdechef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8. August</a:t>
                      </a:r>
                    </a:p>
                    <a:p>
                      <a:r>
                        <a:rPr lang="da-DK" sz="1200" dirty="0"/>
                        <a:t>Bilaterale samtaler med områdechefer</a:t>
                      </a:r>
                    </a:p>
                    <a:p>
                      <a:endParaRPr lang="da-DK" sz="1200" dirty="0"/>
                    </a:p>
                    <a:p>
                      <a:r>
                        <a:rPr lang="da-DK" sz="1800" dirty="0"/>
                        <a:t>18. August</a:t>
                      </a:r>
                    </a:p>
                    <a:p>
                      <a:r>
                        <a:rPr lang="da-DK" sz="1200" dirty="0"/>
                        <a:t>Fællesmøde for områdechefer</a:t>
                      </a:r>
                    </a:p>
                    <a:p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17. September</a:t>
                      </a:r>
                    </a:p>
                    <a:p>
                      <a:r>
                        <a:rPr lang="da-DK" sz="1200" dirty="0"/>
                        <a:t>Opsamling på uddannelseskvalitet på U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2183363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11288766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E57BC4-B53B-08F4-5051-F25FA65594E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943C622-A642-E9D1-FDBD-6C1B687BDB6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C75DB52-8246-4167-8804-BB2DE00A8D26}" type="datetime1">
              <a:rPr lang="da-DK" smtClean="0"/>
              <a:t>07-07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A2F893A-9476-D6EF-1C4D-15B6154FF492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E5E3CB87-23F7-5DF8-0100-85D1F61818C2}"/>
              </a:ext>
            </a:extLst>
          </p:cNvPr>
          <p:cNvSpPr/>
          <p:nvPr/>
        </p:nvSpPr>
        <p:spPr>
          <a:xfrm>
            <a:off x="10820400" y="6153150"/>
            <a:ext cx="1152525" cy="4953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B29CB71C-C5F7-FD78-0336-56A5E893E2B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3574" y="202325"/>
            <a:ext cx="9124852" cy="6453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5098431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483D4E1E7CA534195F490E255310A06" ma:contentTypeVersion="4" ma:contentTypeDescription="Opret et nyt dokument." ma:contentTypeScope="" ma:versionID="e7887bae26d37357701a8e0f8847693e">
  <xsd:schema xmlns:xsd="http://www.w3.org/2001/XMLSchema" xmlns:xs="http://www.w3.org/2001/XMLSchema" xmlns:p="http://schemas.microsoft.com/office/2006/metadata/properties" xmlns:ns2="18820759-2cb1-4b93-8927-d054b7d3a94d" targetNamespace="http://schemas.microsoft.com/office/2006/metadata/properties" ma:root="true" ma:fieldsID="d55f7c94c4807ead420dc9fb1bb0f322" ns2:_="">
    <xsd:import namespace="18820759-2cb1-4b93-8927-d054b7d3a94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8820759-2cb1-4b93-8927-d054b7d3a94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1FDAB97-9116-48D2-A6C0-E0B7E4B31D9B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microsoft.com/office/2006/documentManagement/types"/>
    <ds:schemaRef ds:uri="18820759-2cb1-4b93-8927-d054b7d3a94d"/>
    <ds:schemaRef ds:uri="http://purl.org/dc/terms/"/>
    <ds:schemaRef ds:uri="http://schemas.openxmlformats.org/package/2006/metadata/core-properties"/>
    <ds:schemaRef ds:uri="http://purl.org/dc/dcmitype/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2302B97B-E05A-4EC2-83E9-BB5A643ADFB7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8A405656-6C4F-4C73-958C-1744EC0D04F1}">
  <ds:schemaRefs/>
</ds:datastoreItem>
</file>

<file path=customXml/itemProps4.xml><?xml version="1.0" encoding="utf-8"?>
<ds:datastoreItem xmlns:ds="http://schemas.openxmlformats.org/officeDocument/2006/customXml" ds:itemID="{1CFAD826-6EA8-4985-A5C4-D1B6A646785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8820759-2cb1-4b93-8927-d054b7d3a94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E3874ABC-2065-4A7D-A58C-B9BA277BFB1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12</TotalTime>
  <Words>962</Words>
  <Application>Microsoft Office PowerPoint</Application>
  <PresentationFormat>Widescreen</PresentationFormat>
  <Paragraphs>213</Paragraphs>
  <Slides>13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7" baseType="lpstr">
      <vt:lpstr>Arial</vt:lpstr>
      <vt:lpstr>Symbol</vt:lpstr>
      <vt:lpstr>Wingdings</vt:lpstr>
      <vt:lpstr>Blank</vt:lpstr>
      <vt:lpstr>PowerPoint-præsentation</vt:lpstr>
      <vt:lpstr>PowerPoint-præsentation</vt:lpstr>
      <vt:lpstr>Aktuelle opgaver i Strategi og Kvalitet 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subject/>
  <dc:creator/>
  <cp:keywords/>
  <dc:description/>
  <cp:lastModifiedBy>Simone Andersen</cp:lastModifiedBy>
  <cp:revision>2</cp:revision>
  <dcterms:created xsi:type="dcterms:W3CDTF">2024-03-07T07:18:23Z</dcterms:created>
  <dcterms:modified xsi:type="dcterms:W3CDTF">2025-07-07T06:35:4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782647968540131348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8483D4E1E7CA534195F490E255310A06</vt:lpwstr>
  </property>
  <property fmtid="{D5CDD505-2E9C-101B-9397-08002B2CF9AE}" pid="9" name="MediaServiceImageTags">
    <vt:lpwstr/>
  </property>
</Properties>
</file>